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6" r:id="rId6"/>
    <p:sldId id="257" r:id="rId7"/>
    <p:sldId id="258" r:id="rId8"/>
    <p:sldId id="259" r:id="rId9"/>
    <p:sldId id="260" r:id="rId10"/>
    <p:sldId id="261" r:id="rId11"/>
    <p:sldId id="262" r:id="rId12"/>
    <p:sldId id="263" r:id="rId13"/>
    <p:sldId id="264" r:id="rId14"/>
    <p:sldId id="265" r:id="rId15"/>
    <p:sldId id="266" r:id="rId16"/>
    <p:sldId id="267" r:id="rId17"/>
    <p:sldId id="268" r:id="rId18"/>
    <p:sldId id="269" r:id="rId19"/>
    <p:sldId id="270" r:id="rId20"/>
    <p:sldId id="271" r:id="rId21"/>
    <p:sldId id="272" r:id="rId22"/>
    <p:sldId id="273" r:id="rId23"/>
    <p:sldId id="274" r:id="rId24"/>
    <p:sldId id="275" r:id="rId25"/>
    <p:sldId id="276" r:id="rId26"/>
    <p:sldId id="277" r:id="rId27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86FB4E7-4A84-482C-8AEB-42BDC14B89CB}" v="46" dt="2023-01-11T04:51:05.944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7" autoAdjust="0"/>
    <p:restoredTop sz="94660"/>
  </p:normalViewPr>
  <p:slideViewPr>
    <p:cSldViewPr snapToGrid="0">
      <p:cViewPr varScale="1">
        <p:scale>
          <a:sx n="88" d="100"/>
          <a:sy n="88" d="100"/>
        </p:scale>
        <p:origin x="485" y="4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slide" Target="slides/slide21.xml"/><Relationship Id="rId3" Type="http://schemas.openxmlformats.org/officeDocument/2006/relationships/customXml" Target="../customXml/item3.xml"/><Relationship Id="rId21" Type="http://schemas.openxmlformats.org/officeDocument/2006/relationships/slide" Target="slides/slide16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slide" Target="slides/slide20.xml"/><Relationship Id="rId33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32" Type="http://schemas.microsoft.com/office/2016/11/relationships/changesInfo" Target="changesInfos/changesInfo1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presProps" Target="presProps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slide" Target="slides/slide22.xml"/><Relationship Id="rId30" Type="http://schemas.openxmlformats.org/officeDocument/2006/relationships/theme" Target="theme/theme1.xml"/><Relationship Id="rId8" Type="http://schemas.openxmlformats.org/officeDocument/2006/relationships/slide" Target="slides/slide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toyanov, Stoyan" userId="a44ec439-12b1-4ffc-bb02-d22dcee6dd0e" providerId="ADAL" clId="{386FB4E7-4A84-482C-8AEB-42BDC14B89CB}"/>
    <pc:docChg chg="undo custSel addSld modSld">
      <pc:chgData name="Stoyanov, Stoyan" userId="a44ec439-12b1-4ffc-bb02-d22dcee6dd0e" providerId="ADAL" clId="{386FB4E7-4A84-482C-8AEB-42BDC14B89CB}" dt="2023-01-11T04:55:20.065" v="6622" actId="478"/>
      <pc:docMkLst>
        <pc:docMk/>
      </pc:docMkLst>
      <pc:sldChg chg="addSp modSp new mod">
        <pc:chgData name="Stoyanov, Stoyan" userId="a44ec439-12b1-4ffc-bb02-d22dcee6dd0e" providerId="ADAL" clId="{386FB4E7-4A84-482C-8AEB-42BDC14B89CB}" dt="2023-01-11T04:31:01.379" v="5536" actId="20577"/>
        <pc:sldMkLst>
          <pc:docMk/>
          <pc:sldMk cId="3149848160" sldId="257"/>
        </pc:sldMkLst>
        <pc:spChg chg="mod">
          <ac:chgData name="Stoyanov, Stoyan" userId="a44ec439-12b1-4ffc-bb02-d22dcee6dd0e" providerId="ADAL" clId="{386FB4E7-4A84-482C-8AEB-42BDC14B89CB}" dt="2023-01-11T03:42:57.406" v="10" actId="20577"/>
          <ac:spMkLst>
            <pc:docMk/>
            <pc:sldMk cId="3149848160" sldId="257"/>
            <ac:spMk id="2" creationId="{2C09B113-E89D-47B1-B748-FBF93A3D1C05}"/>
          </ac:spMkLst>
        </pc:spChg>
        <pc:spChg chg="mod">
          <ac:chgData name="Stoyanov, Stoyan" userId="a44ec439-12b1-4ffc-bb02-d22dcee6dd0e" providerId="ADAL" clId="{386FB4E7-4A84-482C-8AEB-42BDC14B89CB}" dt="2023-01-11T04:31:01.379" v="5536" actId="20577"/>
          <ac:spMkLst>
            <pc:docMk/>
            <pc:sldMk cId="3149848160" sldId="257"/>
            <ac:spMk id="3" creationId="{AC239661-EE0E-4898-95CC-E9B3725F0009}"/>
          </ac:spMkLst>
        </pc:spChg>
        <pc:picChg chg="add mod">
          <ac:chgData name="Stoyanov, Stoyan" userId="a44ec439-12b1-4ffc-bb02-d22dcee6dd0e" providerId="ADAL" clId="{386FB4E7-4A84-482C-8AEB-42BDC14B89CB}" dt="2023-01-11T03:50:39.746" v="701" actId="1076"/>
          <ac:picMkLst>
            <pc:docMk/>
            <pc:sldMk cId="3149848160" sldId="257"/>
            <ac:picMk id="2050" creationId="{1563A2BD-F98E-4B99-A047-0231ACE012EB}"/>
          </ac:picMkLst>
        </pc:picChg>
      </pc:sldChg>
      <pc:sldChg chg="modSp new mod">
        <pc:chgData name="Stoyanov, Stoyan" userId="a44ec439-12b1-4ffc-bb02-d22dcee6dd0e" providerId="ADAL" clId="{386FB4E7-4A84-482C-8AEB-42BDC14B89CB}" dt="2023-01-11T03:49:04.295" v="611" actId="20577"/>
        <pc:sldMkLst>
          <pc:docMk/>
          <pc:sldMk cId="3776625871" sldId="258"/>
        </pc:sldMkLst>
        <pc:spChg chg="mod">
          <ac:chgData name="Stoyanov, Stoyan" userId="a44ec439-12b1-4ffc-bb02-d22dcee6dd0e" providerId="ADAL" clId="{386FB4E7-4A84-482C-8AEB-42BDC14B89CB}" dt="2023-01-11T03:44:24.154" v="218" actId="20577"/>
          <ac:spMkLst>
            <pc:docMk/>
            <pc:sldMk cId="3776625871" sldId="258"/>
            <ac:spMk id="2" creationId="{1A516079-5039-445B-8F9D-08139030A33D}"/>
          </ac:spMkLst>
        </pc:spChg>
        <pc:spChg chg="mod">
          <ac:chgData name="Stoyanov, Stoyan" userId="a44ec439-12b1-4ffc-bb02-d22dcee6dd0e" providerId="ADAL" clId="{386FB4E7-4A84-482C-8AEB-42BDC14B89CB}" dt="2023-01-11T03:49:04.295" v="611" actId="20577"/>
          <ac:spMkLst>
            <pc:docMk/>
            <pc:sldMk cId="3776625871" sldId="258"/>
            <ac:spMk id="3" creationId="{49894782-8838-434A-B271-D7F407320B00}"/>
          </ac:spMkLst>
        </pc:spChg>
      </pc:sldChg>
      <pc:sldChg chg="addSp modSp new mod">
        <pc:chgData name="Stoyanov, Stoyan" userId="a44ec439-12b1-4ffc-bb02-d22dcee6dd0e" providerId="ADAL" clId="{386FB4E7-4A84-482C-8AEB-42BDC14B89CB}" dt="2023-01-11T03:50:25.811" v="698" actId="1076"/>
        <pc:sldMkLst>
          <pc:docMk/>
          <pc:sldMk cId="1376074504" sldId="259"/>
        </pc:sldMkLst>
        <pc:spChg chg="mod">
          <ac:chgData name="Stoyanov, Stoyan" userId="a44ec439-12b1-4ffc-bb02-d22dcee6dd0e" providerId="ADAL" clId="{386FB4E7-4A84-482C-8AEB-42BDC14B89CB}" dt="2023-01-11T03:49:27.936" v="651" actId="20577"/>
          <ac:spMkLst>
            <pc:docMk/>
            <pc:sldMk cId="1376074504" sldId="259"/>
            <ac:spMk id="2" creationId="{99591681-3B11-4F69-88FB-56529BD50686}"/>
          </ac:spMkLst>
        </pc:spChg>
        <pc:spChg chg="mod">
          <ac:chgData name="Stoyanov, Stoyan" userId="a44ec439-12b1-4ffc-bb02-d22dcee6dd0e" providerId="ADAL" clId="{386FB4E7-4A84-482C-8AEB-42BDC14B89CB}" dt="2023-01-11T03:50:23.318" v="697" actId="14100"/>
          <ac:spMkLst>
            <pc:docMk/>
            <pc:sldMk cId="1376074504" sldId="259"/>
            <ac:spMk id="3" creationId="{AACF13AC-4A3F-490D-9939-EAC8C174AA4F}"/>
          </ac:spMkLst>
        </pc:spChg>
        <pc:picChg chg="add mod">
          <ac:chgData name="Stoyanov, Stoyan" userId="a44ec439-12b1-4ffc-bb02-d22dcee6dd0e" providerId="ADAL" clId="{386FB4E7-4A84-482C-8AEB-42BDC14B89CB}" dt="2023-01-11T03:50:25.811" v="698" actId="1076"/>
          <ac:picMkLst>
            <pc:docMk/>
            <pc:sldMk cId="1376074504" sldId="259"/>
            <ac:picMk id="1026" creationId="{463AAB43-9831-4210-9873-0C76FF93B4ED}"/>
          </ac:picMkLst>
        </pc:picChg>
      </pc:sldChg>
      <pc:sldChg chg="modSp new mod">
        <pc:chgData name="Stoyanov, Stoyan" userId="a44ec439-12b1-4ffc-bb02-d22dcee6dd0e" providerId="ADAL" clId="{386FB4E7-4A84-482C-8AEB-42BDC14B89CB}" dt="2023-01-11T03:57:55.985" v="1473" actId="20577"/>
        <pc:sldMkLst>
          <pc:docMk/>
          <pc:sldMk cId="2324671597" sldId="260"/>
        </pc:sldMkLst>
        <pc:spChg chg="mod">
          <ac:chgData name="Stoyanov, Stoyan" userId="a44ec439-12b1-4ffc-bb02-d22dcee6dd0e" providerId="ADAL" clId="{386FB4E7-4A84-482C-8AEB-42BDC14B89CB}" dt="2023-01-11T03:51:09.872" v="725" actId="20577"/>
          <ac:spMkLst>
            <pc:docMk/>
            <pc:sldMk cId="2324671597" sldId="260"/>
            <ac:spMk id="2" creationId="{6099E1B4-26DE-4CD9-9892-94D102C50477}"/>
          </ac:spMkLst>
        </pc:spChg>
        <pc:spChg chg="mod">
          <ac:chgData name="Stoyanov, Stoyan" userId="a44ec439-12b1-4ffc-bb02-d22dcee6dd0e" providerId="ADAL" clId="{386FB4E7-4A84-482C-8AEB-42BDC14B89CB}" dt="2023-01-11T03:57:55.985" v="1473" actId="20577"/>
          <ac:spMkLst>
            <pc:docMk/>
            <pc:sldMk cId="2324671597" sldId="260"/>
            <ac:spMk id="3" creationId="{AFDA861F-D805-43ED-A885-5A242FAE601C}"/>
          </ac:spMkLst>
        </pc:spChg>
      </pc:sldChg>
      <pc:sldChg chg="modSp new mod">
        <pc:chgData name="Stoyanov, Stoyan" userId="a44ec439-12b1-4ffc-bb02-d22dcee6dd0e" providerId="ADAL" clId="{386FB4E7-4A84-482C-8AEB-42BDC14B89CB}" dt="2023-01-11T04:05:15.564" v="2564" actId="20577"/>
        <pc:sldMkLst>
          <pc:docMk/>
          <pc:sldMk cId="1413955429" sldId="261"/>
        </pc:sldMkLst>
        <pc:spChg chg="mod">
          <ac:chgData name="Stoyanov, Stoyan" userId="a44ec439-12b1-4ffc-bb02-d22dcee6dd0e" providerId="ADAL" clId="{386FB4E7-4A84-482C-8AEB-42BDC14B89CB}" dt="2023-01-11T03:58:06.919" v="1497" actId="20577"/>
          <ac:spMkLst>
            <pc:docMk/>
            <pc:sldMk cId="1413955429" sldId="261"/>
            <ac:spMk id="2" creationId="{47392EBF-8774-4533-9D4E-0A40DD0E98D3}"/>
          </ac:spMkLst>
        </pc:spChg>
        <pc:spChg chg="mod">
          <ac:chgData name="Stoyanov, Stoyan" userId="a44ec439-12b1-4ffc-bb02-d22dcee6dd0e" providerId="ADAL" clId="{386FB4E7-4A84-482C-8AEB-42BDC14B89CB}" dt="2023-01-11T04:05:15.564" v="2564" actId="20577"/>
          <ac:spMkLst>
            <pc:docMk/>
            <pc:sldMk cId="1413955429" sldId="261"/>
            <ac:spMk id="3" creationId="{50B2853C-EFBB-40EC-A3DB-002F0157BFE0}"/>
          </ac:spMkLst>
        </pc:spChg>
      </pc:sldChg>
      <pc:sldChg chg="modSp new mod">
        <pc:chgData name="Stoyanov, Stoyan" userId="a44ec439-12b1-4ffc-bb02-d22dcee6dd0e" providerId="ADAL" clId="{386FB4E7-4A84-482C-8AEB-42BDC14B89CB}" dt="2023-01-11T04:12:54.733" v="3748" actId="313"/>
        <pc:sldMkLst>
          <pc:docMk/>
          <pc:sldMk cId="93526517" sldId="262"/>
        </pc:sldMkLst>
        <pc:spChg chg="mod">
          <ac:chgData name="Stoyanov, Stoyan" userId="a44ec439-12b1-4ffc-bb02-d22dcee6dd0e" providerId="ADAL" clId="{386FB4E7-4A84-482C-8AEB-42BDC14B89CB}" dt="2023-01-11T04:05:59.185" v="2644" actId="20577"/>
          <ac:spMkLst>
            <pc:docMk/>
            <pc:sldMk cId="93526517" sldId="262"/>
            <ac:spMk id="2" creationId="{53B6206F-93F7-45C1-98A4-D7A12C2CD3BC}"/>
          </ac:spMkLst>
        </pc:spChg>
        <pc:spChg chg="mod">
          <ac:chgData name="Stoyanov, Stoyan" userId="a44ec439-12b1-4ffc-bb02-d22dcee6dd0e" providerId="ADAL" clId="{386FB4E7-4A84-482C-8AEB-42BDC14B89CB}" dt="2023-01-11T04:12:54.733" v="3748" actId="313"/>
          <ac:spMkLst>
            <pc:docMk/>
            <pc:sldMk cId="93526517" sldId="262"/>
            <ac:spMk id="3" creationId="{98C62FE8-6B85-4D48-81FB-F5320D6ACDE0}"/>
          </ac:spMkLst>
        </pc:spChg>
      </pc:sldChg>
      <pc:sldChg chg="modSp new mod">
        <pc:chgData name="Stoyanov, Stoyan" userId="a44ec439-12b1-4ffc-bb02-d22dcee6dd0e" providerId="ADAL" clId="{386FB4E7-4A84-482C-8AEB-42BDC14B89CB}" dt="2023-01-11T04:15:27.836" v="4109" actId="20577"/>
        <pc:sldMkLst>
          <pc:docMk/>
          <pc:sldMk cId="4166454430" sldId="263"/>
        </pc:sldMkLst>
        <pc:spChg chg="mod">
          <ac:chgData name="Stoyanov, Stoyan" userId="a44ec439-12b1-4ffc-bb02-d22dcee6dd0e" providerId="ADAL" clId="{386FB4E7-4A84-482C-8AEB-42BDC14B89CB}" dt="2023-01-11T04:10:31.063" v="3350"/>
          <ac:spMkLst>
            <pc:docMk/>
            <pc:sldMk cId="4166454430" sldId="263"/>
            <ac:spMk id="2" creationId="{7586A99A-72AD-4FF8-BE0F-29B4A1B97F0E}"/>
          </ac:spMkLst>
        </pc:spChg>
        <pc:spChg chg="mod">
          <ac:chgData name="Stoyanov, Stoyan" userId="a44ec439-12b1-4ffc-bb02-d22dcee6dd0e" providerId="ADAL" clId="{386FB4E7-4A84-482C-8AEB-42BDC14B89CB}" dt="2023-01-11T04:15:27.836" v="4109" actId="20577"/>
          <ac:spMkLst>
            <pc:docMk/>
            <pc:sldMk cId="4166454430" sldId="263"/>
            <ac:spMk id="3" creationId="{23EE7B44-043B-4D8F-A1F9-93E3B46CA614}"/>
          </ac:spMkLst>
        </pc:spChg>
      </pc:sldChg>
      <pc:sldChg chg="addSp delSp modSp new mod">
        <pc:chgData name="Stoyanov, Stoyan" userId="a44ec439-12b1-4ffc-bb02-d22dcee6dd0e" providerId="ADAL" clId="{386FB4E7-4A84-482C-8AEB-42BDC14B89CB}" dt="2023-01-11T04:20:18.037" v="4556" actId="20577"/>
        <pc:sldMkLst>
          <pc:docMk/>
          <pc:sldMk cId="850042465" sldId="264"/>
        </pc:sldMkLst>
        <pc:spChg chg="mod">
          <ac:chgData name="Stoyanov, Stoyan" userId="a44ec439-12b1-4ffc-bb02-d22dcee6dd0e" providerId="ADAL" clId="{386FB4E7-4A84-482C-8AEB-42BDC14B89CB}" dt="2023-01-11T04:17:11.680" v="4165" actId="14100"/>
          <ac:spMkLst>
            <pc:docMk/>
            <pc:sldMk cId="850042465" sldId="264"/>
            <ac:spMk id="2" creationId="{749AF5B7-6349-41BA-8854-FAC5F9BC9291}"/>
          </ac:spMkLst>
        </pc:spChg>
        <pc:spChg chg="mod">
          <ac:chgData name="Stoyanov, Stoyan" userId="a44ec439-12b1-4ffc-bb02-d22dcee6dd0e" providerId="ADAL" clId="{386FB4E7-4A84-482C-8AEB-42BDC14B89CB}" dt="2023-01-11T04:20:18.037" v="4556" actId="20577"/>
          <ac:spMkLst>
            <pc:docMk/>
            <pc:sldMk cId="850042465" sldId="264"/>
            <ac:spMk id="3" creationId="{ABD3EFA9-3CBD-482E-B3F8-4BFF1A0196A4}"/>
          </ac:spMkLst>
        </pc:spChg>
        <pc:spChg chg="add del">
          <ac:chgData name="Stoyanov, Stoyan" userId="a44ec439-12b1-4ffc-bb02-d22dcee6dd0e" providerId="ADAL" clId="{386FB4E7-4A84-482C-8AEB-42BDC14B89CB}" dt="2023-01-11T04:16:46.291" v="4154"/>
          <ac:spMkLst>
            <pc:docMk/>
            <pc:sldMk cId="850042465" sldId="264"/>
            <ac:spMk id="4" creationId="{54B71471-D1AD-4AE2-AE30-264770B87E90}"/>
          </ac:spMkLst>
        </pc:spChg>
        <pc:spChg chg="add del mod">
          <ac:chgData name="Stoyanov, Stoyan" userId="a44ec439-12b1-4ffc-bb02-d22dcee6dd0e" providerId="ADAL" clId="{386FB4E7-4A84-482C-8AEB-42BDC14B89CB}" dt="2023-01-11T04:16:52.956" v="4160"/>
          <ac:spMkLst>
            <pc:docMk/>
            <pc:sldMk cId="850042465" sldId="264"/>
            <ac:spMk id="5" creationId="{03F8205A-F05E-4C27-AACB-364EEE36BA0E}"/>
          </ac:spMkLst>
        </pc:spChg>
        <pc:spChg chg="add del mod">
          <ac:chgData name="Stoyanov, Stoyan" userId="a44ec439-12b1-4ffc-bb02-d22dcee6dd0e" providerId="ADAL" clId="{386FB4E7-4A84-482C-8AEB-42BDC14B89CB}" dt="2023-01-11T04:16:52.678" v="4159"/>
          <ac:spMkLst>
            <pc:docMk/>
            <pc:sldMk cId="850042465" sldId="264"/>
            <ac:spMk id="6" creationId="{AF643D91-7CBA-4280-9F4B-BFA8F02D3688}"/>
          </ac:spMkLst>
        </pc:spChg>
        <pc:spChg chg="add del">
          <ac:chgData name="Stoyanov, Stoyan" userId="a44ec439-12b1-4ffc-bb02-d22dcee6dd0e" providerId="ADAL" clId="{386FB4E7-4A84-482C-8AEB-42BDC14B89CB}" dt="2023-01-11T04:16:57.943" v="4162"/>
          <ac:spMkLst>
            <pc:docMk/>
            <pc:sldMk cId="850042465" sldId="264"/>
            <ac:spMk id="7" creationId="{A7502C0B-8BBC-4886-8866-A61BD1C9C43B}"/>
          </ac:spMkLst>
        </pc:spChg>
        <pc:spChg chg="add mod">
          <ac:chgData name="Stoyanov, Stoyan" userId="a44ec439-12b1-4ffc-bb02-d22dcee6dd0e" providerId="ADAL" clId="{386FB4E7-4A84-482C-8AEB-42BDC14B89CB}" dt="2023-01-11T04:17:11.680" v="4165" actId="14100"/>
          <ac:spMkLst>
            <pc:docMk/>
            <pc:sldMk cId="850042465" sldId="264"/>
            <ac:spMk id="8" creationId="{63C19132-B1E1-45D7-8D5E-E7A4034B2529}"/>
          </ac:spMkLst>
        </pc:spChg>
        <pc:spChg chg="add del mod">
          <ac:chgData name="Stoyanov, Stoyan" userId="a44ec439-12b1-4ffc-bb02-d22dcee6dd0e" providerId="ADAL" clId="{386FB4E7-4A84-482C-8AEB-42BDC14B89CB}" dt="2023-01-11T04:17:14.760" v="4167"/>
          <ac:spMkLst>
            <pc:docMk/>
            <pc:sldMk cId="850042465" sldId="264"/>
            <ac:spMk id="9" creationId="{FC1EDA8A-4EAE-43B3-B046-2EBBB3DF386B}"/>
          </ac:spMkLst>
        </pc:spChg>
        <pc:picChg chg="add mod">
          <ac:chgData name="Stoyanov, Stoyan" userId="a44ec439-12b1-4ffc-bb02-d22dcee6dd0e" providerId="ADAL" clId="{386FB4E7-4A84-482C-8AEB-42BDC14B89CB}" dt="2023-01-11T04:17:41.541" v="4171" actId="1076"/>
          <ac:picMkLst>
            <pc:docMk/>
            <pc:sldMk cId="850042465" sldId="264"/>
            <ac:picMk id="3086" creationId="{772D7E06-3E82-4716-B22D-FCC1E4AA3B23}"/>
          </ac:picMkLst>
        </pc:picChg>
      </pc:sldChg>
      <pc:sldChg chg="addSp delSp modSp new mod">
        <pc:chgData name="Stoyanov, Stoyan" userId="a44ec439-12b1-4ffc-bb02-d22dcee6dd0e" providerId="ADAL" clId="{386FB4E7-4A84-482C-8AEB-42BDC14B89CB}" dt="2023-01-11T04:23:59.600" v="4941" actId="20577"/>
        <pc:sldMkLst>
          <pc:docMk/>
          <pc:sldMk cId="1633219606" sldId="265"/>
        </pc:sldMkLst>
        <pc:spChg chg="mod">
          <ac:chgData name="Stoyanov, Stoyan" userId="a44ec439-12b1-4ffc-bb02-d22dcee6dd0e" providerId="ADAL" clId="{386FB4E7-4A84-482C-8AEB-42BDC14B89CB}" dt="2023-01-11T04:20:28.859" v="4583" actId="20577"/>
          <ac:spMkLst>
            <pc:docMk/>
            <pc:sldMk cId="1633219606" sldId="265"/>
            <ac:spMk id="2" creationId="{0B634887-216F-43ED-863C-F279ED5629F9}"/>
          </ac:spMkLst>
        </pc:spChg>
        <pc:spChg chg="mod">
          <ac:chgData name="Stoyanov, Stoyan" userId="a44ec439-12b1-4ffc-bb02-d22dcee6dd0e" providerId="ADAL" clId="{386FB4E7-4A84-482C-8AEB-42BDC14B89CB}" dt="2023-01-11T04:23:59.600" v="4941" actId="20577"/>
          <ac:spMkLst>
            <pc:docMk/>
            <pc:sldMk cId="1633219606" sldId="265"/>
            <ac:spMk id="3" creationId="{B98ED8FB-1886-487A-BE9D-1473E663058F}"/>
          </ac:spMkLst>
        </pc:spChg>
        <pc:picChg chg="add del mod">
          <ac:chgData name="Stoyanov, Stoyan" userId="a44ec439-12b1-4ffc-bb02-d22dcee6dd0e" providerId="ADAL" clId="{386FB4E7-4A84-482C-8AEB-42BDC14B89CB}" dt="2023-01-11T04:20:48.289" v="4595"/>
          <ac:picMkLst>
            <pc:docMk/>
            <pc:sldMk cId="1633219606" sldId="265"/>
            <ac:picMk id="4098" creationId="{50C281E9-1BDA-4950-B824-2F39A61A2C59}"/>
          </ac:picMkLst>
        </pc:picChg>
        <pc:picChg chg="add mod">
          <ac:chgData name="Stoyanov, Stoyan" userId="a44ec439-12b1-4ffc-bb02-d22dcee6dd0e" providerId="ADAL" clId="{386FB4E7-4A84-482C-8AEB-42BDC14B89CB}" dt="2023-01-11T04:21:04.233" v="4599" actId="1076"/>
          <ac:picMkLst>
            <pc:docMk/>
            <pc:sldMk cId="1633219606" sldId="265"/>
            <ac:picMk id="4100" creationId="{9DB0A5B9-8BEF-4729-AA0F-58565C3D56AE}"/>
          </ac:picMkLst>
        </pc:picChg>
      </pc:sldChg>
      <pc:sldChg chg="addSp delSp modSp new mod">
        <pc:chgData name="Stoyanov, Stoyan" userId="a44ec439-12b1-4ffc-bb02-d22dcee6dd0e" providerId="ADAL" clId="{386FB4E7-4A84-482C-8AEB-42BDC14B89CB}" dt="2023-01-11T04:27:44.083" v="5272" actId="20577"/>
        <pc:sldMkLst>
          <pc:docMk/>
          <pc:sldMk cId="5662587" sldId="266"/>
        </pc:sldMkLst>
        <pc:spChg chg="mod">
          <ac:chgData name="Stoyanov, Stoyan" userId="a44ec439-12b1-4ffc-bb02-d22dcee6dd0e" providerId="ADAL" clId="{386FB4E7-4A84-482C-8AEB-42BDC14B89CB}" dt="2023-01-11T04:24:11.700" v="4963" actId="20577"/>
          <ac:spMkLst>
            <pc:docMk/>
            <pc:sldMk cId="5662587" sldId="266"/>
            <ac:spMk id="2" creationId="{A6D2196B-1955-4924-A6F7-570D2E0877B1}"/>
          </ac:spMkLst>
        </pc:spChg>
        <pc:spChg chg="add del mod">
          <ac:chgData name="Stoyanov, Stoyan" userId="a44ec439-12b1-4ffc-bb02-d22dcee6dd0e" providerId="ADAL" clId="{386FB4E7-4A84-482C-8AEB-42BDC14B89CB}" dt="2023-01-11T04:27:44.083" v="5272" actId="20577"/>
          <ac:spMkLst>
            <pc:docMk/>
            <pc:sldMk cId="5662587" sldId="266"/>
            <ac:spMk id="3" creationId="{DB93E8F1-1879-43C7-8083-C943AE945F81}"/>
          </ac:spMkLst>
        </pc:spChg>
        <pc:spChg chg="add mod">
          <ac:chgData name="Stoyanov, Stoyan" userId="a44ec439-12b1-4ffc-bb02-d22dcee6dd0e" providerId="ADAL" clId="{386FB4E7-4A84-482C-8AEB-42BDC14B89CB}" dt="2023-01-11T04:24:28.770" v="4974" actId="571"/>
          <ac:spMkLst>
            <pc:docMk/>
            <pc:sldMk cId="5662587" sldId="266"/>
            <ac:spMk id="5" creationId="{AE7685CE-24D8-4F7C-B244-B1A210078716}"/>
          </ac:spMkLst>
        </pc:spChg>
        <pc:spChg chg="add del mod">
          <ac:chgData name="Stoyanov, Stoyan" userId="a44ec439-12b1-4ffc-bb02-d22dcee6dd0e" providerId="ADAL" clId="{386FB4E7-4A84-482C-8AEB-42BDC14B89CB}" dt="2023-01-11T04:25:55.537" v="5069" actId="478"/>
          <ac:spMkLst>
            <pc:docMk/>
            <pc:sldMk cId="5662587" sldId="266"/>
            <ac:spMk id="7" creationId="{FE54D04F-5753-4B11-8597-D3C25E3D4090}"/>
          </ac:spMkLst>
        </pc:spChg>
        <pc:spChg chg="add del mod">
          <ac:chgData name="Stoyanov, Stoyan" userId="a44ec439-12b1-4ffc-bb02-d22dcee6dd0e" providerId="ADAL" clId="{386FB4E7-4A84-482C-8AEB-42BDC14B89CB}" dt="2023-01-11T04:25:57.216" v="5071" actId="478"/>
          <ac:spMkLst>
            <pc:docMk/>
            <pc:sldMk cId="5662587" sldId="266"/>
            <ac:spMk id="9" creationId="{A03DC041-3C6B-492D-9841-AC4F6DC75E53}"/>
          </ac:spMkLst>
        </pc:spChg>
        <pc:picChg chg="add mod">
          <ac:chgData name="Stoyanov, Stoyan" userId="a44ec439-12b1-4ffc-bb02-d22dcee6dd0e" providerId="ADAL" clId="{386FB4E7-4A84-482C-8AEB-42BDC14B89CB}" dt="2023-01-11T04:24:28.770" v="4974" actId="571"/>
          <ac:picMkLst>
            <pc:docMk/>
            <pc:sldMk cId="5662587" sldId="266"/>
            <ac:picMk id="6" creationId="{07FEE9A0-E4AC-4AF1-9A0F-FD372B924E6D}"/>
          </ac:picMkLst>
        </pc:picChg>
        <pc:picChg chg="add del">
          <ac:chgData name="Stoyanov, Stoyan" userId="a44ec439-12b1-4ffc-bb02-d22dcee6dd0e" providerId="ADAL" clId="{386FB4E7-4A84-482C-8AEB-42BDC14B89CB}" dt="2023-01-11T04:24:29.248" v="4975"/>
          <ac:picMkLst>
            <pc:docMk/>
            <pc:sldMk cId="5662587" sldId="266"/>
            <ac:picMk id="5122" creationId="{42B105A2-3282-4797-AFA2-C75EC74EEEAD}"/>
          </ac:picMkLst>
        </pc:picChg>
        <pc:picChg chg="add mod">
          <ac:chgData name="Stoyanov, Stoyan" userId="a44ec439-12b1-4ffc-bb02-d22dcee6dd0e" providerId="ADAL" clId="{386FB4E7-4A84-482C-8AEB-42BDC14B89CB}" dt="2023-01-11T04:26:05.777" v="5075" actId="1076"/>
          <ac:picMkLst>
            <pc:docMk/>
            <pc:sldMk cId="5662587" sldId="266"/>
            <ac:picMk id="5124" creationId="{C78C79BA-5338-473B-8401-3DBEC54D9694}"/>
          </ac:picMkLst>
        </pc:picChg>
      </pc:sldChg>
      <pc:sldChg chg="addSp modSp new mod">
        <pc:chgData name="Stoyanov, Stoyan" userId="a44ec439-12b1-4ffc-bb02-d22dcee6dd0e" providerId="ADAL" clId="{386FB4E7-4A84-482C-8AEB-42BDC14B89CB}" dt="2023-01-11T04:30:47.107" v="5518" actId="1076"/>
        <pc:sldMkLst>
          <pc:docMk/>
          <pc:sldMk cId="2189596199" sldId="267"/>
        </pc:sldMkLst>
        <pc:spChg chg="mod">
          <ac:chgData name="Stoyanov, Stoyan" userId="a44ec439-12b1-4ffc-bb02-d22dcee6dd0e" providerId="ADAL" clId="{386FB4E7-4A84-482C-8AEB-42BDC14B89CB}" dt="2023-01-11T04:27:57.196" v="5277" actId="20577"/>
          <ac:spMkLst>
            <pc:docMk/>
            <pc:sldMk cId="2189596199" sldId="267"/>
            <ac:spMk id="2" creationId="{EDBE0B91-C90C-4337-9640-D7DC1432653F}"/>
          </ac:spMkLst>
        </pc:spChg>
        <pc:spChg chg="mod">
          <ac:chgData name="Stoyanov, Stoyan" userId="a44ec439-12b1-4ffc-bb02-d22dcee6dd0e" providerId="ADAL" clId="{386FB4E7-4A84-482C-8AEB-42BDC14B89CB}" dt="2023-01-11T04:30:27.294" v="5511" actId="20577"/>
          <ac:spMkLst>
            <pc:docMk/>
            <pc:sldMk cId="2189596199" sldId="267"/>
            <ac:spMk id="3" creationId="{E951726E-0483-43BF-89BD-C92CAAAF8EF9}"/>
          </ac:spMkLst>
        </pc:spChg>
        <pc:picChg chg="add mod">
          <ac:chgData name="Stoyanov, Stoyan" userId="a44ec439-12b1-4ffc-bb02-d22dcee6dd0e" providerId="ADAL" clId="{386FB4E7-4A84-482C-8AEB-42BDC14B89CB}" dt="2023-01-11T04:30:47.107" v="5518" actId="1076"/>
          <ac:picMkLst>
            <pc:docMk/>
            <pc:sldMk cId="2189596199" sldId="267"/>
            <ac:picMk id="5" creationId="{45EE6BB2-836F-488D-8147-BB1444C38C4B}"/>
          </ac:picMkLst>
        </pc:picChg>
      </pc:sldChg>
      <pc:sldChg chg="addSp delSp modSp new mod">
        <pc:chgData name="Stoyanov, Stoyan" userId="a44ec439-12b1-4ffc-bb02-d22dcee6dd0e" providerId="ADAL" clId="{386FB4E7-4A84-482C-8AEB-42BDC14B89CB}" dt="2023-01-11T04:35:03.963" v="5831" actId="1076"/>
        <pc:sldMkLst>
          <pc:docMk/>
          <pc:sldMk cId="2537545737" sldId="268"/>
        </pc:sldMkLst>
        <pc:spChg chg="mod">
          <ac:chgData name="Stoyanov, Stoyan" userId="a44ec439-12b1-4ffc-bb02-d22dcee6dd0e" providerId="ADAL" clId="{386FB4E7-4A84-482C-8AEB-42BDC14B89CB}" dt="2023-01-11T04:30:54.091" v="5528" actId="20577"/>
          <ac:spMkLst>
            <pc:docMk/>
            <pc:sldMk cId="2537545737" sldId="268"/>
            <ac:spMk id="2" creationId="{4B1F45BF-FD78-48D5-90CA-1DD80CDFEA60}"/>
          </ac:spMkLst>
        </pc:spChg>
        <pc:spChg chg="mod">
          <ac:chgData name="Stoyanov, Stoyan" userId="a44ec439-12b1-4ffc-bb02-d22dcee6dd0e" providerId="ADAL" clId="{386FB4E7-4A84-482C-8AEB-42BDC14B89CB}" dt="2023-01-11T04:33:01.017" v="5788" actId="20577"/>
          <ac:spMkLst>
            <pc:docMk/>
            <pc:sldMk cId="2537545737" sldId="268"/>
            <ac:spMk id="3" creationId="{C66C1BBF-C75A-446C-A5D0-8D79B6D823BB}"/>
          </ac:spMkLst>
        </pc:spChg>
        <pc:picChg chg="add del mod">
          <ac:chgData name="Stoyanov, Stoyan" userId="a44ec439-12b1-4ffc-bb02-d22dcee6dd0e" providerId="ADAL" clId="{386FB4E7-4A84-482C-8AEB-42BDC14B89CB}" dt="2023-01-11T04:34:57.778" v="5827" actId="478"/>
          <ac:picMkLst>
            <pc:docMk/>
            <pc:sldMk cId="2537545737" sldId="268"/>
            <ac:picMk id="5" creationId="{33217FD4-5EEA-4594-9840-AEDBCE40D263}"/>
          </ac:picMkLst>
        </pc:picChg>
        <pc:picChg chg="add mod">
          <ac:chgData name="Stoyanov, Stoyan" userId="a44ec439-12b1-4ffc-bb02-d22dcee6dd0e" providerId="ADAL" clId="{386FB4E7-4A84-482C-8AEB-42BDC14B89CB}" dt="2023-01-11T04:35:03.963" v="5831" actId="1076"/>
          <ac:picMkLst>
            <pc:docMk/>
            <pc:sldMk cId="2537545737" sldId="268"/>
            <ac:picMk id="7" creationId="{4434F9EC-E457-46DB-B563-CA20C74F4D37}"/>
          </ac:picMkLst>
        </pc:picChg>
      </pc:sldChg>
      <pc:sldChg chg="addSp modSp new mod">
        <pc:chgData name="Stoyanov, Stoyan" userId="a44ec439-12b1-4ffc-bb02-d22dcee6dd0e" providerId="ADAL" clId="{386FB4E7-4A84-482C-8AEB-42BDC14B89CB}" dt="2023-01-11T04:35:46.295" v="5835" actId="1076"/>
        <pc:sldMkLst>
          <pc:docMk/>
          <pc:sldMk cId="900631115" sldId="269"/>
        </pc:sldMkLst>
        <pc:spChg chg="mod">
          <ac:chgData name="Stoyanov, Stoyan" userId="a44ec439-12b1-4ffc-bb02-d22dcee6dd0e" providerId="ADAL" clId="{386FB4E7-4A84-482C-8AEB-42BDC14B89CB}" dt="2023-01-11T04:33:12.790" v="5794" actId="20577"/>
          <ac:spMkLst>
            <pc:docMk/>
            <pc:sldMk cId="900631115" sldId="269"/>
            <ac:spMk id="2" creationId="{E21897C7-28F0-4223-9573-0F1DA1FD37DF}"/>
          </ac:spMkLst>
        </pc:spChg>
        <pc:spChg chg="mod">
          <ac:chgData name="Stoyanov, Stoyan" userId="a44ec439-12b1-4ffc-bb02-d22dcee6dd0e" providerId="ADAL" clId="{386FB4E7-4A84-482C-8AEB-42BDC14B89CB}" dt="2023-01-11T04:35:40.257" v="5832" actId="20577"/>
          <ac:spMkLst>
            <pc:docMk/>
            <pc:sldMk cId="900631115" sldId="269"/>
            <ac:spMk id="3" creationId="{ECE84D07-4A7B-41AE-A09A-0D0A2A4E6A16}"/>
          </ac:spMkLst>
        </pc:spChg>
        <pc:picChg chg="add mod">
          <ac:chgData name="Stoyanov, Stoyan" userId="a44ec439-12b1-4ffc-bb02-d22dcee6dd0e" providerId="ADAL" clId="{386FB4E7-4A84-482C-8AEB-42BDC14B89CB}" dt="2023-01-11T04:35:46.295" v="5835" actId="1076"/>
          <ac:picMkLst>
            <pc:docMk/>
            <pc:sldMk cId="900631115" sldId="269"/>
            <ac:picMk id="5" creationId="{25D4975C-797E-402C-B1F8-E334A0052B3F}"/>
          </ac:picMkLst>
        </pc:picChg>
      </pc:sldChg>
      <pc:sldChg chg="addSp modSp new mod">
        <pc:chgData name="Stoyanov, Stoyan" userId="a44ec439-12b1-4ffc-bb02-d22dcee6dd0e" providerId="ADAL" clId="{386FB4E7-4A84-482C-8AEB-42BDC14B89CB}" dt="2023-01-11T04:38:15.921" v="5890" actId="20577"/>
        <pc:sldMkLst>
          <pc:docMk/>
          <pc:sldMk cId="2600835496" sldId="270"/>
        </pc:sldMkLst>
        <pc:spChg chg="mod">
          <ac:chgData name="Stoyanov, Stoyan" userId="a44ec439-12b1-4ffc-bb02-d22dcee6dd0e" providerId="ADAL" clId="{386FB4E7-4A84-482C-8AEB-42BDC14B89CB}" dt="2023-01-11T04:35:54.513" v="5849" actId="20577"/>
          <ac:spMkLst>
            <pc:docMk/>
            <pc:sldMk cId="2600835496" sldId="270"/>
            <ac:spMk id="2" creationId="{40116585-9FB2-4081-B8C1-AF749C75F9BA}"/>
          </ac:spMkLst>
        </pc:spChg>
        <pc:spChg chg="mod">
          <ac:chgData name="Stoyanov, Stoyan" userId="a44ec439-12b1-4ffc-bb02-d22dcee6dd0e" providerId="ADAL" clId="{386FB4E7-4A84-482C-8AEB-42BDC14B89CB}" dt="2023-01-11T04:38:15.921" v="5890" actId="20577"/>
          <ac:spMkLst>
            <pc:docMk/>
            <pc:sldMk cId="2600835496" sldId="270"/>
            <ac:spMk id="3" creationId="{09CF1611-7F36-496A-8ACE-14BCD72FE310}"/>
          </ac:spMkLst>
        </pc:spChg>
        <pc:picChg chg="add mod">
          <ac:chgData name="Stoyanov, Stoyan" userId="a44ec439-12b1-4ffc-bb02-d22dcee6dd0e" providerId="ADAL" clId="{386FB4E7-4A84-482C-8AEB-42BDC14B89CB}" dt="2023-01-11T04:37:16.355" v="5884" actId="1076"/>
          <ac:picMkLst>
            <pc:docMk/>
            <pc:sldMk cId="2600835496" sldId="270"/>
            <ac:picMk id="5" creationId="{8F5C8989-CEBB-4D8C-BF8E-3A9E3F801788}"/>
          </ac:picMkLst>
        </pc:picChg>
        <pc:picChg chg="add mod">
          <ac:chgData name="Stoyanov, Stoyan" userId="a44ec439-12b1-4ffc-bb02-d22dcee6dd0e" providerId="ADAL" clId="{386FB4E7-4A84-482C-8AEB-42BDC14B89CB}" dt="2023-01-11T04:38:09.015" v="5887" actId="14100"/>
          <ac:picMkLst>
            <pc:docMk/>
            <pc:sldMk cId="2600835496" sldId="270"/>
            <ac:picMk id="7" creationId="{BF6860D7-D2E6-49C2-B395-03A2E56112A7}"/>
          </ac:picMkLst>
        </pc:picChg>
      </pc:sldChg>
      <pc:sldChg chg="addSp delSp modSp new mod">
        <pc:chgData name="Stoyanov, Stoyan" userId="a44ec439-12b1-4ffc-bb02-d22dcee6dd0e" providerId="ADAL" clId="{386FB4E7-4A84-482C-8AEB-42BDC14B89CB}" dt="2023-01-11T04:40:34.261" v="5968" actId="1076"/>
        <pc:sldMkLst>
          <pc:docMk/>
          <pc:sldMk cId="298082431" sldId="271"/>
        </pc:sldMkLst>
        <pc:spChg chg="mod">
          <ac:chgData name="Stoyanov, Stoyan" userId="a44ec439-12b1-4ffc-bb02-d22dcee6dd0e" providerId="ADAL" clId="{386FB4E7-4A84-482C-8AEB-42BDC14B89CB}" dt="2023-01-11T04:38:22.839" v="5897" actId="20577"/>
          <ac:spMkLst>
            <pc:docMk/>
            <pc:sldMk cId="298082431" sldId="271"/>
            <ac:spMk id="2" creationId="{90A292C3-5649-41A4-88EB-2C08585BD6C1}"/>
          </ac:spMkLst>
        </pc:spChg>
        <pc:spChg chg="mod">
          <ac:chgData name="Stoyanov, Stoyan" userId="a44ec439-12b1-4ffc-bb02-d22dcee6dd0e" providerId="ADAL" clId="{386FB4E7-4A84-482C-8AEB-42BDC14B89CB}" dt="2023-01-11T04:38:44.061" v="5959" actId="20577"/>
          <ac:spMkLst>
            <pc:docMk/>
            <pc:sldMk cId="298082431" sldId="271"/>
            <ac:spMk id="3" creationId="{F7B7A02B-DACB-49C1-B9AA-F71A0E3B369B}"/>
          </ac:spMkLst>
        </pc:spChg>
        <pc:picChg chg="add mod">
          <ac:chgData name="Stoyanov, Stoyan" userId="a44ec439-12b1-4ffc-bb02-d22dcee6dd0e" providerId="ADAL" clId="{386FB4E7-4A84-482C-8AEB-42BDC14B89CB}" dt="2023-01-11T04:40:34.261" v="5968" actId="1076"/>
          <ac:picMkLst>
            <pc:docMk/>
            <pc:sldMk cId="298082431" sldId="271"/>
            <ac:picMk id="5" creationId="{FAA0DC9D-BAC6-4D29-BC07-4E3BEF03D91F}"/>
          </ac:picMkLst>
        </pc:picChg>
        <pc:picChg chg="add del mod">
          <ac:chgData name="Stoyanov, Stoyan" userId="a44ec439-12b1-4ffc-bb02-d22dcee6dd0e" providerId="ADAL" clId="{386FB4E7-4A84-482C-8AEB-42BDC14B89CB}" dt="2023-01-11T04:40:06.724" v="5967" actId="22"/>
          <ac:picMkLst>
            <pc:docMk/>
            <pc:sldMk cId="298082431" sldId="271"/>
            <ac:picMk id="7" creationId="{A0959001-0FE5-4ACE-B1CE-9D09D0E12ECE}"/>
          </ac:picMkLst>
        </pc:picChg>
      </pc:sldChg>
      <pc:sldChg chg="addSp modSp new mod">
        <pc:chgData name="Stoyanov, Stoyan" userId="a44ec439-12b1-4ffc-bb02-d22dcee6dd0e" providerId="ADAL" clId="{386FB4E7-4A84-482C-8AEB-42BDC14B89CB}" dt="2023-01-11T04:42:30.501" v="6120" actId="20577"/>
        <pc:sldMkLst>
          <pc:docMk/>
          <pc:sldMk cId="1734676103" sldId="272"/>
        </pc:sldMkLst>
        <pc:spChg chg="mod">
          <ac:chgData name="Stoyanov, Stoyan" userId="a44ec439-12b1-4ffc-bb02-d22dcee6dd0e" providerId="ADAL" clId="{386FB4E7-4A84-482C-8AEB-42BDC14B89CB}" dt="2023-01-11T04:40:42.090" v="5976" actId="20577"/>
          <ac:spMkLst>
            <pc:docMk/>
            <pc:sldMk cId="1734676103" sldId="272"/>
            <ac:spMk id="2" creationId="{F749AB96-F09F-4F7B-8309-748474CF5A3C}"/>
          </ac:spMkLst>
        </pc:spChg>
        <pc:spChg chg="mod">
          <ac:chgData name="Stoyanov, Stoyan" userId="a44ec439-12b1-4ffc-bb02-d22dcee6dd0e" providerId="ADAL" clId="{386FB4E7-4A84-482C-8AEB-42BDC14B89CB}" dt="2023-01-11T04:42:30.501" v="6120" actId="20577"/>
          <ac:spMkLst>
            <pc:docMk/>
            <pc:sldMk cId="1734676103" sldId="272"/>
            <ac:spMk id="3" creationId="{4303130A-132C-43FF-8C31-A6D9589C8341}"/>
          </ac:spMkLst>
        </pc:spChg>
        <pc:picChg chg="add mod">
          <ac:chgData name="Stoyanov, Stoyan" userId="a44ec439-12b1-4ffc-bb02-d22dcee6dd0e" providerId="ADAL" clId="{386FB4E7-4A84-482C-8AEB-42BDC14B89CB}" dt="2023-01-11T04:41:11.454" v="6033" actId="14100"/>
          <ac:picMkLst>
            <pc:docMk/>
            <pc:sldMk cId="1734676103" sldId="272"/>
            <ac:picMk id="5" creationId="{C9419DE6-E7E4-42F4-B947-F6FD43D50DD4}"/>
          </ac:picMkLst>
        </pc:picChg>
        <pc:picChg chg="add mod">
          <ac:chgData name="Stoyanov, Stoyan" userId="a44ec439-12b1-4ffc-bb02-d22dcee6dd0e" providerId="ADAL" clId="{386FB4E7-4A84-482C-8AEB-42BDC14B89CB}" dt="2023-01-11T04:42:19.698" v="6095" actId="14100"/>
          <ac:picMkLst>
            <pc:docMk/>
            <pc:sldMk cId="1734676103" sldId="272"/>
            <ac:picMk id="7" creationId="{1BD96D8C-F0AB-47AB-B29C-A30F78FB657C}"/>
          </ac:picMkLst>
        </pc:picChg>
      </pc:sldChg>
      <pc:sldChg chg="addSp delSp modSp new mod">
        <pc:chgData name="Stoyanov, Stoyan" userId="a44ec439-12b1-4ffc-bb02-d22dcee6dd0e" providerId="ADAL" clId="{386FB4E7-4A84-482C-8AEB-42BDC14B89CB}" dt="2023-01-11T04:43:44.529" v="6211" actId="1076"/>
        <pc:sldMkLst>
          <pc:docMk/>
          <pc:sldMk cId="3144205859" sldId="273"/>
        </pc:sldMkLst>
        <pc:spChg chg="mod">
          <ac:chgData name="Stoyanov, Stoyan" userId="a44ec439-12b1-4ffc-bb02-d22dcee6dd0e" providerId="ADAL" clId="{386FB4E7-4A84-482C-8AEB-42BDC14B89CB}" dt="2023-01-11T04:43:09.286" v="6125" actId="20577"/>
          <ac:spMkLst>
            <pc:docMk/>
            <pc:sldMk cId="3144205859" sldId="273"/>
            <ac:spMk id="2" creationId="{5B14F900-6783-4269-90B0-79A0835B9254}"/>
          </ac:spMkLst>
        </pc:spChg>
        <pc:spChg chg="add del mod">
          <ac:chgData name="Stoyanov, Stoyan" userId="a44ec439-12b1-4ffc-bb02-d22dcee6dd0e" providerId="ADAL" clId="{386FB4E7-4A84-482C-8AEB-42BDC14B89CB}" dt="2023-01-11T04:43:33.605" v="6206" actId="20577"/>
          <ac:spMkLst>
            <pc:docMk/>
            <pc:sldMk cId="3144205859" sldId="273"/>
            <ac:spMk id="3" creationId="{B31AE601-C142-41AD-B410-B3D331ADEB9B}"/>
          </ac:spMkLst>
        </pc:spChg>
        <pc:picChg chg="add del mod ord">
          <ac:chgData name="Stoyanov, Stoyan" userId="a44ec439-12b1-4ffc-bb02-d22dcee6dd0e" providerId="ADAL" clId="{386FB4E7-4A84-482C-8AEB-42BDC14B89CB}" dt="2023-01-11T04:43:12.240" v="6128" actId="22"/>
          <ac:picMkLst>
            <pc:docMk/>
            <pc:sldMk cId="3144205859" sldId="273"/>
            <ac:picMk id="5" creationId="{FE8D11A1-516A-4C44-9BFC-6A8051AD2BBE}"/>
          </ac:picMkLst>
        </pc:picChg>
        <pc:picChg chg="add mod">
          <ac:chgData name="Stoyanov, Stoyan" userId="a44ec439-12b1-4ffc-bb02-d22dcee6dd0e" providerId="ADAL" clId="{386FB4E7-4A84-482C-8AEB-42BDC14B89CB}" dt="2023-01-11T04:43:44.529" v="6211" actId="1076"/>
          <ac:picMkLst>
            <pc:docMk/>
            <pc:sldMk cId="3144205859" sldId="273"/>
            <ac:picMk id="7" creationId="{42B32246-1F13-4052-A6CA-D1AC7BFFADB0}"/>
          </ac:picMkLst>
        </pc:picChg>
      </pc:sldChg>
      <pc:sldChg chg="addSp delSp modSp new mod">
        <pc:chgData name="Stoyanov, Stoyan" userId="a44ec439-12b1-4ffc-bb02-d22dcee6dd0e" providerId="ADAL" clId="{386FB4E7-4A84-482C-8AEB-42BDC14B89CB}" dt="2023-01-11T04:48:15.851" v="6411" actId="1076"/>
        <pc:sldMkLst>
          <pc:docMk/>
          <pc:sldMk cId="1963714359" sldId="274"/>
        </pc:sldMkLst>
        <pc:spChg chg="mod">
          <ac:chgData name="Stoyanov, Stoyan" userId="a44ec439-12b1-4ffc-bb02-d22dcee6dd0e" providerId="ADAL" clId="{386FB4E7-4A84-482C-8AEB-42BDC14B89CB}" dt="2023-01-11T04:44:44.504" v="6251" actId="20577"/>
          <ac:spMkLst>
            <pc:docMk/>
            <pc:sldMk cId="1963714359" sldId="274"/>
            <ac:spMk id="2" creationId="{94A6234F-531A-4C3A-B3B8-B7D9BDBE74D6}"/>
          </ac:spMkLst>
        </pc:spChg>
        <pc:spChg chg="add del mod">
          <ac:chgData name="Stoyanov, Stoyan" userId="a44ec439-12b1-4ffc-bb02-d22dcee6dd0e" providerId="ADAL" clId="{386FB4E7-4A84-482C-8AEB-42BDC14B89CB}" dt="2023-01-11T04:44:50.789" v="6273" actId="5793"/>
          <ac:spMkLst>
            <pc:docMk/>
            <pc:sldMk cId="1963714359" sldId="274"/>
            <ac:spMk id="3" creationId="{499EB1BF-3D1A-42A1-9C90-74D5114B3927}"/>
          </ac:spMkLst>
        </pc:spChg>
        <pc:picChg chg="add del mod ord">
          <ac:chgData name="Stoyanov, Stoyan" userId="a44ec439-12b1-4ffc-bb02-d22dcee6dd0e" providerId="ADAL" clId="{386FB4E7-4A84-482C-8AEB-42BDC14B89CB}" dt="2023-01-11T04:44:38.976" v="6244" actId="22"/>
          <ac:picMkLst>
            <pc:docMk/>
            <pc:sldMk cId="1963714359" sldId="274"/>
            <ac:picMk id="5" creationId="{99EA4427-7B22-4923-ACFF-8D540E784DF5}"/>
          </ac:picMkLst>
        </pc:picChg>
        <pc:picChg chg="add del mod">
          <ac:chgData name="Stoyanov, Stoyan" userId="a44ec439-12b1-4ffc-bb02-d22dcee6dd0e" providerId="ADAL" clId="{386FB4E7-4A84-482C-8AEB-42BDC14B89CB}" dt="2023-01-11T04:45:22.297" v="6280" actId="478"/>
          <ac:picMkLst>
            <pc:docMk/>
            <pc:sldMk cId="1963714359" sldId="274"/>
            <ac:picMk id="7" creationId="{1007682B-658F-454A-B872-D705D7089D17}"/>
          </ac:picMkLst>
        </pc:picChg>
        <pc:picChg chg="add mod">
          <ac:chgData name="Stoyanov, Stoyan" userId="a44ec439-12b1-4ffc-bb02-d22dcee6dd0e" providerId="ADAL" clId="{386FB4E7-4A84-482C-8AEB-42BDC14B89CB}" dt="2023-01-11T04:45:34.132" v="6286" actId="1076"/>
          <ac:picMkLst>
            <pc:docMk/>
            <pc:sldMk cId="1963714359" sldId="274"/>
            <ac:picMk id="9" creationId="{85CE6095-722A-49AE-93BF-DCE9E8C8F021}"/>
          </ac:picMkLst>
        </pc:picChg>
        <pc:picChg chg="add mod">
          <ac:chgData name="Stoyanov, Stoyan" userId="a44ec439-12b1-4ffc-bb02-d22dcee6dd0e" providerId="ADAL" clId="{386FB4E7-4A84-482C-8AEB-42BDC14B89CB}" dt="2023-01-11T04:46:09.025" v="6289" actId="1076"/>
          <ac:picMkLst>
            <pc:docMk/>
            <pc:sldMk cId="1963714359" sldId="274"/>
            <ac:picMk id="11" creationId="{9379A2B5-C3DE-4B23-9DFB-4735CDDF050E}"/>
          </ac:picMkLst>
        </pc:picChg>
        <pc:picChg chg="add mod">
          <ac:chgData name="Stoyanov, Stoyan" userId="a44ec439-12b1-4ffc-bb02-d22dcee6dd0e" providerId="ADAL" clId="{386FB4E7-4A84-482C-8AEB-42BDC14B89CB}" dt="2023-01-11T04:48:15.851" v="6411" actId="1076"/>
          <ac:picMkLst>
            <pc:docMk/>
            <pc:sldMk cId="1963714359" sldId="274"/>
            <ac:picMk id="13" creationId="{D9640878-FB5A-4DC3-94E2-6A18D6D14B1D}"/>
          </ac:picMkLst>
        </pc:picChg>
      </pc:sldChg>
      <pc:sldChg chg="addSp delSp modSp new mod">
        <pc:chgData name="Stoyanov, Stoyan" userId="a44ec439-12b1-4ffc-bb02-d22dcee6dd0e" providerId="ADAL" clId="{386FB4E7-4A84-482C-8AEB-42BDC14B89CB}" dt="2023-01-11T04:54:44.419" v="6578" actId="1076"/>
        <pc:sldMkLst>
          <pc:docMk/>
          <pc:sldMk cId="4233379466" sldId="275"/>
        </pc:sldMkLst>
        <pc:spChg chg="mod">
          <ac:chgData name="Stoyanov, Stoyan" userId="a44ec439-12b1-4ffc-bb02-d22dcee6dd0e" providerId="ADAL" clId="{386FB4E7-4A84-482C-8AEB-42BDC14B89CB}" dt="2023-01-11T04:46:17.553" v="6299" actId="20577"/>
          <ac:spMkLst>
            <pc:docMk/>
            <pc:sldMk cId="4233379466" sldId="275"/>
            <ac:spMk id="2" creationId="{E5D218C3-3C8B-4234-8BEC-C6BA57781475}"/>
          </ac:spMkLst>
        </pc:spChg>
        <pc:spChg chg="mod">
          <ac:chgData name="Stoyanov, Stoyan" userId="a44ec439-12b1-4ffc-bb02-d22dcee6dd0e" providerId="ADAL" clId="{386FB4E7-4A84-482C-8AEB-42BDC14B89CB}" dt="2023-01-11T04:48:23.022" v="6412" actId="20577"/>
          <ac:spMkLst>
            <pc:docMk/>
            <pc:sldMk cId="4233379466" sldId="275"/>
            <ac:spMk id="3" creationId="{8B06FD04-AA22-451F-A709-18637D827D6B}"/>
          </ac:spMkLst>
        </pc:spChg>
        <pc:picChg chg="add del mod">
          <ac:chgData name="Stoyanov, Stoyan" userId="a44ec439-12b1-4ffc-bb02-d22dcee6dd0e" providerId="ADAL" clId="{386FB4E7-4A84-482C-8AEB-42BDC14B89CB}" dt="2023-01-11T04:54:38.128" v="6575" actId="478"/>
          <ac:picMkLst>
            <pc:docMk/>
            <pc:sldMk cId="4233379466" sldId="275"/>
            <ac:picMk id="5" creationId="{742B0A05-58BB-44E0-A77E-F11A571CBEB4}"/>
          </ac:picMkLst>
        </pc:picChg>
        <pc:picChg chg="add mod">
          <ac:chgData name="Stoyanov, Stoyan" userId="a44ec439-12b1-4ffc-bb02-d22dcee6dd0e" providerId="ADAL" clId="{386FB4E7-4A84-482C-8AEB-42BDC14B89CB}" dt="2023-01-11T04:49:38.152" v="6419" actId="1076"/>
          <ac:picMkLst>
            <pc:docMk/>
            <pc:sldMk cId="4233379466" sldId="275"/>
            <ac:picMk id="7" creationId="{16A7A51E-A4A3-49B6-9DF8-03902297C780}"/>
          </ac:picMkLst>
        </pc:picChg>
        <pc:picChg chg="add mod">
          <ac:chgData name="Stoyanov, Stoyan" userId="a44ec439-12b1-4ffc-bb02-d22dcee6dd0e" providerId="ADAL" clId="{386FB4E7-4A84-482C-8AEB-42BDC14B89CB}" dt="2023-01-11T04:50:46.133" v="6424" actId="1076"/>
          <ac:picMkLst>
            <pc:docMk/>
            <pc:sldMk cId="4233379466" sldId="275"/>
            <ac:picMk id="9" creationId="{8C56376B-F721-4232-98B6-EF150D6F70B7}"/>
          </ac:picMkLst>
        </pc:picChg>
        <pc:picChg chg="add del mod">
          <ac:chgData name="Stoyanov, Stoyan" userId="a44ec439-12b1-4ffc-bb02-d22dcee6dd0e" providerId="ADAL" clId="{386FB4E7-4A84-482C-8AEB-42BDC14B89CB}" dt="2023-01-11T04:50:56.237" v="6428" actId="21"/>
          <ac:picMkLst>
            <pc:docMk/>
            <pc:sldMk cId="4233379466" sldId="275"/>
            <ac:picMk id="11" creationId="{34919972-2F1B-4882-99A7-6BEB666C6ABA}"/>
          </ac:picMkLst>
        </pc:picChg>
        <pc:picChg chg="add mod">
          <ac:chgData name="Stoyanov, Stoyan" userId="a44ec439-12b1-4ffc-bb02-d22dcee6dd0e" providerId="ADAL" clId="{386FB4E7-4A84-482C-8AEB-42BDC14B89CB}" dt="2023-01-11T04:54:44.419" v="6578" actId="1076"/>
          <ac:picMkLst>
            <pc:docMk/>
            <pc:sldMk cId="4233379466" sldId="275"/>
            <ac:picMk id="13" creationId="{9B68BA8C-C79B-4446-A81E-4FF87C6CF02A}"/>
          </ac:picMkLst>
        </pc:picChg>
      </pc:sldChg>
      <pc:sldChg chg="addSp delSp modSp new mod">
        <pc:chgData name="Stoyanov, Stoyan" userId="a44ec439-12b1-4ffc-bb02-d22dcee6dd0e" providerId="ADAL" clId="{386FB4E7-4A84-482C-8AEB-42BDC14B89CB}" dt="2023-01-11T04:55:01.914" v="6591" actId="20577"/>
        <pc:sldMkLst>
          <pc:docMk/>
          <pc:sldMk cId="1939719822" sldId="276"/>
        </pc:sldMkLst>
        <pc:spChg chg="mod">
          <ac:chgData name="Stoyanov, Stoyan" userId="a44ec439-12b1-4ffc-bb02-d22dcee6dd0e" providerId="ADAL" clId="{386FB4E7-4A84-482C-8AEB-42BDC14B89CB}" dt="2023-01-11T04:51:23.421" v="6438" actId="20577"/>
          <ac:spMkLst>
            <pc:docMk/>
            <pc:sldMk cId="1939719822" sldId="276"/>
            <ac:spMk id="2" creationId="{DBCF5F97-14EE-46FD-ADDC-7678141F36C9}"/>
          </ac:spMkLst>
        </pc:spChg>
        <pc:spChg chg="del">
          <ac:chgData name="Stoyanov, Stoyan" userId="a44ec439-12b1-4ffc-bb02-d22dcee6dd0e" providerId="ADAL" clId="{386FB4E7-4A84-482C-8AEB-42BDC14B89CB}" dt="2023-01-11T04:51:05.943" v="6434"/>
          <ac:spMkLst>
            <pc:docMk/>
            <pc:sldMk cId="1939719822" sldId="276"/>
            <ac:spMk id="3" creationId="{C8820E02-90DC-4DB9-A9A0-3CD602F17700}"/>
          </ac:spMkLst>
        </pc:spChg>
        <pc:spChg chg="add mod">
          <ac:chgData name="Stoyanov, Stoyan" userId="a44ec439-12b1-4ffc-bb02-d22dcee6dd0e" providerId="ADAL" clId="{386FB4E7-4A84-482C-8AEB-42BDC14B89CB}" dt="2023-01-11T04:55:01.914" v="6591" actId="20577"/>
          <ac:spMkLst>
            <pc:docMk/>
            <pc:sldMk cId="1939719822" sldId="276"/>
            <ac:spMk id="6" creationId="{7DDD36C5-C81E-4782-92C7-CA10B1A52494}"/>
          </ac:spMkLst>
        </pc:spChg>
        <pc:picChg chg="add mod">
          <ac:chgData name="Stoyanov, Stoyan" userId="a44ec439-12b1-4ffc-bb02-d22dcee6dd0e" providerId="ADAL" clId="{386FB4E7-4A84-482C-8AEB-42BDC14B89CB}" dt="2023-01-11T04:52:27.719" v="6552" actId="1076"/>
          <ac:picMkLst>
            <pc:docMk/>
            <pc:sldMk cId="1939719822" sldId="276"/>
            <ac:picMk id="4" creationId="{3E99BA4D-225F-4897-B5A3-E9A8D410684E}"/>
          </ac:picMkLst>
        </pc:picChg>
      </pc:sldChg>
      <pc:sldChg chg="delSp modSp new mod">
        <pc:chgData name="Stoyanov, Stoyan" userId="a44ec439-12b1-4ffc-bb02-d22dcee6dd0e" providerId="ADAL" clId="{386FB4E7-4A84-482C-8AEB-42BDC14B89CB}" dt="2023-01-11T04:55:20.065" v="6622" actId="478"/>
        <pc:sldMkLst>
          <pc:docMk/>
          <pc:sldMk cId="3905781083" sldId="277"/>
        </pc:sldMkLst>
        <pc:spChg chg="mod">
          <ac:chgData name="Stoyanov, Stoyan" userId="a44ec439-12b1-4ffc-bb02-d22dcee6dd0e" providerId="ADAL" clId="{386FB4E7-4A84-482C-8AEB-42BDC14B89CB}" dt="2023-01-11T04:55:17.367" v="6621" actId="20577"/>
          <ac:spMkLst>
            <pc:docMk/>
            <pc:sldMk cId="3905781083" sldId="277"/>
            <ac:spMk id="2" creationId="{C809779F-0334-42A7-B5DE-846CCD8DE020}"/>
          </ac:spMkLst>
        </pc:spChg>
        <pc:spChg chg="del mod">
          <ac:chgData name="Stoyanov, Stoyan" userId="a44ec439-12b1-4ffc-bb02-d22dcee6dd0e" providerId="ADAL" clId="{386FB4E7-4A84-482C-8AEB-42BDC14B89CB}" dt="2023-01-11T04:55:20.065" v="6622" actId="478"/>
          <ac:spMkLst>
            <pc:docMk/>
            <pc:sldMk cId="3905781083" sldId="277"/>
            <ac:spMk id="3" creationId="{EAFF5A6C-0C2E-44C6-8B42-FBB06AFDD364}"/>
          </ac:spMkLst>
        </pc:spChg>
      </pc:sldChg>
    </pc:docChg>
  </pc:docChgLst>
</pc:chgInfo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1/11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17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20.png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6B90DD-BA89-4337-896E-540FCED760B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bg-BG" dirty="0"/>
              <a:t>Дистрибутиран </a:t>
            </a:r>
            <a:r>
              <a:rPr lang="en-US" dirty="0"/>
              <a:t>Load-Balancer</a:t>
            </a:r>
            <a:endParaRPr lang="en-NL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00AB0E88-40C3-4006-A246-6110D412285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bg-BG" dirty="0"/>
              <a:t>изготвил: Стоян Стоянов ф.н.:471219076</a:t>
            </a:r>
            <a:endParaRPr lang="en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634887-216F-43ED-863C-F279ED5629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Използвани технологии	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98ED8FB-1886-487A-BE9D-1473E663058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Postgres</a:t>
            </a:r>
          </a:p>
          <a:p>
            <a:pPr lvl="1"/>
            <a:r>
              <a:rPr lang="bg-BG" dirty="0"/>
              <a:t>Обектно-релационна база с данни</a:t>
            </a:r>
          </a:p>
          <a:p>
            <a:pPr lvl="1"/>
            <a:r>
              <a:rPr lang="bg-BG" dirty="0"/>
              <a:t>Отворен код</a:t>
            </a:r>
            <a:endParaRPr lang="en-US" dirty="0"/>
          </a:p>
          <a:p>
            <a:pPr lvl="1"/>
            <a:r>
              <a:rPr lang="bg-BG" dirty="0"/>
              <a:t>Съвместима с </a:t>
            </a:r>
            <a:r>
              <a:rPr lang="en-US" dirty="0"/>
              <a:t>SQL</a:t>
            </a:r>
            <a:r>
              <a:rPr lang="bg-BG" dirty="0"/>
              <a:t> стандарта</a:t>
            </a:r>
          </a:p>
          <a:p>
            <a:pPr lvl="1"/>
            <a:r>
              <a:rPr lang="bg-BG" dirty="0"/>
              <a:t>Поддържа паралелни заявки</a:t>
            </a:r>
          </a:p>
          <a:p>
            <a:pPr lvl="1"/>
            <a:r>
              <a:rPr lang="bg-BG" dirty="0"/>
              <a:t>Имплементира </a:t>
            </a:r>
            <a:r>
              <a:rPr lang="en-US" dirty="0"/>
              <a:t>ACID</a:t>
            </a:r>
          </a:p>
          <a:p>
            <a:pPr lvl="1"/>
            <a:r>
              <a:rPr lang="bg-BG" dirty="0"/>
              <a:t>Поддържа ограничения </a:t>
            </a:r>
            <a:r>
              <a:rPr lang="en-US" dirty="0"/>
              <a:t>“constraint”</a:t>
            </a:r>
            <a:endParaRPr lang="bg-BG" dirty="0"/>
          </a:p>
          <a:p>
            <a:pPr lvl="1"/>
            <a:r>
              <a:rPr lang="bg-BG" dirty="0"/>
              <a:t>Голяма база от хора използващи я</a:t>
            </a:r>
          </a:p>
          <a:p>
            <a:pPr lvl="2"/>
            <a:r>
              <a:rPr lang="bg-BG" dirty="0"/>
              <a:t>Повечето проблеми са описани и лесно се решават</a:t>
            </a:r>
            <a:endParaRPr lang="en-US" dirty="0"/>
          </a:p>
        </p:txBody>
      </p:sp>
      <p:pic>
        <p:nvPicPr>
          <p:cNvPr id="4100" name="Picture 4" descr="upload.wikimedia.org/wikipedia/commons/thumb/2/...">
            <a:extLst>
              <a:ext uri="{FF2B5EF4-FFF2-40B4-BE49-F238E27FC236}">
                <a16:creationId xmlns:a16="http://schemas.microsoft.com/office/drawing/2014/main" id="{9DB0A5B9-8BEF-4729-AA0F-58565C3D56A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01752" y="1825625"/>
            <a:ext cx="1905000" cy="19621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3321960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D2196B-1955-4924-A6F7-570D2E0877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Използвани технологии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B93E8F1-1879-43C7-8083-C943AE945F8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abbitMQ</a:t>
            </a:r>
          </a:p>
          <a:p>
            <a:pPr lvl="1"/>
            <a:r>
              <a:rPr lang="bg-BG" dirty="0"/>
              <a:t>Внедрява </a:t>
            </a:r>
            <a:r>
              <a:rPr lang="en-US" dirty="0"/>
              <a:t>AMQP </a:t>
            </a:r>
            <a:r>
              <a:rPr lang="bg-BG" dirty="0"/>
              <a:t>протокола</a:t>
            </a:r>
          </a:p>
          <a:p>
            <a:pPr lvl="1"/>
            <a:r>
              <a:rPr lang="bg-BG" dirty="0"/>
              <a:t>Голям набор от библиотеки за различните езици</a:t>
            </a:r>
          </a:p>
          <a:p>
            <a:pPr lvl="1"/>
            <a:r>
              <a:rPr lang="bg-BG" dirty="0"/>
              <a:t>Труден, но предлагащ голям избор при </a:t>
            </a:r>
            <a:r>
              <a:rPr lang="bg-BG" dirty="0" err="1"/>
              <a:t>маршрутизирането</a:t>
            </a:r>
            <a:r>
              <a:rPr lang="bg-BG" dirty="0"/>
              <a:t> на съобщенията</a:t>
            </a:r>
          </a:p>
          <a:p>
            <a:pPr lvl="1"/>
            <a:r>
              <a:rPr lang="bg-BG" dirty="0"/>
              <a:t>Изисква малко ресурси (памет, процесор) по време на своето опериране</a:t>
            </a:r>
            <a:endParaRPr lang="en-US" dirty="0"/>
          </a:p>
        </p:txBody>
      </p:sp>
      <p:pic>
        <p:nvPicPr>
          <p:cNvPr id="5124" name="Picture 4" descr="Messaging that just works — RabbitMQ">
            <a:extLst>
              <a:ext uri="{FF2B5EF4-FFF2-40B4-BE49-F238E27FC236}">
                <a16:creationId xmlns:a16="http://schemas.microsoft.com/office/drawing/2014/main" id="{C78C79BA-5338-473B-8401-3DBEC54D969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78014" y="1527867"/>
            <a:ext cx="5419725" cy="8382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566258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DBE0B91-C90C-4337-9640-D7DC143265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Демо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51726E-0483-43BF-89BD-C92CAAAF8EF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За демото ни е нужно да имаме </a:t>
            </a:r>
            <a:r>
              <a:rPr lang="en-US" dirty="0"/>
              <a:t>docker </a:t>
            </a:r>
            <a:r>
              <a:rPr lang="en-US" dirty="0" err="1"/>
              <a:t>deamon</a:t>
            </a:r>
            <a:r>
              <a:rPr lang="en-US" dirty="0"/>
              <a:t> </a:t>
            </a:r>
            <a:r>
              <a:rPr lang="bg-BG" dirty="0"/>
              <a:t>инсталиран (с цел по-лесно </a:t>
            </a:r>
            <a:r>
              <a:rPr lang="bg-BG" dirty="0" err="1"/>
              <a:t>менаджиране</a:t>
            </a:r>
            <a:r>
              <a:rPr lang="bg-BG" dirty="0"/>
              <a:t> на инстанциите), както и </a:t>
            </a:r>
            <a:r>
              <a:rPr lang="en-US" dirty="0" err="1"/>
              <a:t>golang</a:t>
            </a:r>
            <a:r>
              <a:rPr lang="en-US" dirty="0"/>
              <a:t> </a:t>
            </a:r>
            <a:r>
              <a:rPr lang="bg-BG" dirty="0"/>
              <a:t>инсталиран на машината ни!</a:t>
            </a:r>
          </a:p>
          <a:p>
            <a:r>
              <a:rPr lang="bg-BG" dirty="0"/>
              <a:t>Стартиране на инстанциите </a:t>
            </a:r>
            <a:r>
              <a:rPr lang="en-US" dirty="0"/>
              <a:t>(</a:t>
            </a:r>
            <a:r>
              <a:rPr lang="bg-BG" dirty="0"/>
              <a:t>с </a:t>
            </a:r>
            <a:r>
              <a:rPr lang="en-US" dirty="0"/>
              <a:t>Docker)</a:t>
            </a:r>
          </a:p>
          <a:p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5EE6BB2-836F-488D-8147-BB1444C38C4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86767" y="3718186"/>
            <a:ext cx="5063146" cy="28434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959619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B1F45BF-FD78-48D5-90CA-1DD80CDFEA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Демо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66C1BBF-C75A-446C-A5D0-8D79B6D823B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Стартиране на сървърната инстанция</a:t>
            </a:r>
            <a:endParaRPr lang="en-US" dirty="0"/>
          </a:p>
          <a:p>
            <a:pPr lvl="1"/>
            <a:r>
              <a:rPr lang="bg-BG" dirty="0"/>
              <a:t>Параметрите</a:t>
            </a:r>
            <a:r>
              <a:rPr lang="en-US" dirty="0"/>
              <a:t>, </a:t>
            </a:r>
            <a:r>
              <a:rPr lang="bg-BG" dirty="0"/>
              <a:t>като </a:t>
            </a:r>
            <a:r>
              <a:rPr lang="en-US" dirty="0"/>
              <a:t>PG_USER</a:t>
            </a:r>
            <a:r>
              <a:rPr lang="bg-BG" dirty="0"/>
              <a:t> и т.н. не са параметри към самото приложение, а променливи на среда, като в нея пазим чувствителните данни</a:t>
            </a:r>
            <a:endParaRPr lang="en-US" dirty="0"/>
          </a:p>
          <a:p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434F9EC-E457-46DB-B563-CA20C74F4D3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38200" y="3594907"/>
            <a:ext cx="10241857" cy="26190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54573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1897C7-28F0-4223-9573-0F1DA1FD37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Демо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CE84D07-4A7B-41AE-A09A-0D0A2A4E6A1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Стартирането на инстанция</a:t>
            </a:r>
            <a:endParaRPr lang="en-US" dirty="0"/>
          </a:p>
          <a:p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25D4975C-797E-402C-B1F8-E334A0052B3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41053" y="2554015"/>
            <a:ext cx="11143257" cy="1599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063111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116585-9FB2-4081-B8C1-AF749C75F9B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Демо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9CF1611-7F36-496A-8ACE-14BCD72FE31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Стартиране на тестови сървъри</a:t>
            </a:r>
          </a:p>
          <a:p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8F5C8989-CEBB-4D8C-BF8E-3A9E3F80178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05406" y="2538132"/>
            <a:ext cx="9383795" cy="1871666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BF6860D7-D2E6-49C2-B395-03A2E56112A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62070" y="4565544"/>
            <a:ext cx="9503693" cy="13612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083549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A292C3-5649-41A4-88EB-2C08585BD6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Демо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7B7A02B-DACB-49C1-B9AA-F71A0E3B36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Добавяне на един от сървърите към конфигурациите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AA0DC9D-BAC6-4D29-BC07-4E3BEF03D91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37793" y="2268479"/>
            <a:ext cx="7115940" cy="44638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08243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749AB96-F09F-4F7B-8309-748474CF5A3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30456"/>
            <a:ext cx="10515600" cy="1325563"/>
          </a:xfrm>
        </p:spPr>
        <p:txBody>
          <a:bodyPr/>
          <a:lstStyle/>
          <a:p>
            <a:r>
              <a:rPr lang="bg-BG" dirty="0"/>
              <a:t>Демо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303130A-132C-43FF-8C31-A6D9589C834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1"/>
            <a:r>
              <a:rPr lang="bg-BG" dirty="0"/>
              <a:t>Получаване на заявката и подаване на събитие</a:t>
            </a:r>
          </a:p>
          <a:p>
            <a:pPr lvl="1"/>
            <a:endParaRPr lang="bg-BG" dirty="0"/>
          </a:p>
          <a:p>
            <a:pPr lvl="1"/>
            <a:endParaRPr lang="bg-BG" dirty="0"/>
          </a:p>
          <a:p>
            <a:pPr lvl="1"/>
            <a:endParaRPr lang="bg-BG" dirty="0"/>
          </a:p>
          <a:p>
            <a:pPr lvl="1"/>
            <a:endParaRPr lang="bg-BG" dirty="0"/>
          </a:p>
          <a:p>
            <a:pPr lvl="1"/>
            <a:r>
              <a:rPr lang="bg-BG" dirty="0"/>
              <a:t>Получаване на събитието в инстанцията и регистрирането и</a:t>
            </a:r>
          </a:p>
          <a:p>
            <a:pPr lvl="1"/>
            <a:endParaRPr lang="bg-BG" dirty="0"/>
          </a:p>
          <a:p>
            <a:pPr lvl="1"/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9419DE6-E7E4-42F4-B947-F6FD43D50DD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7372" y="2298857"/>
            <a:ext cx="10918076" cy="1325563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1BD96D8C-F0AB-47AB-B29C-A30F78FB657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37372" y="4182339"/>
            <a:ext cx="10918076" cy="14139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467610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14F900-6783-4269-90B0-79A0835B92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Демо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31AE601-C142-41AD-B410-B3D331ADEB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1"/>
            <a:r>
              <a:rPr lang="bg-BG" dirty="0"/>
              <a:t>Постоянни проверки (на всеки 2 секунди/по подразбиране)</a:t>
            </a:r>
          </a:p>
          <a:p>
            <a:pPr lvl="1"/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2B32246-1F13-4052-A6CA-D1AC7BFFADB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20785" y="2326677"/>
            <a:ext cx="8083700" cy="41339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4420585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A6234F-531A-4C3A-B3B8-B7D9BDBE74D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Демо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99EB1BF-3D1A-42A1-9C90-74D5114B392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Изпълнение на заявка</a:t>
            </a:r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85CE6095-722A-49AE-93BF-DCE9E8C8F02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78751" y="2500516"/>
            <a:ext cx="4995599" cy="3164543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9379A2B5-C3DE-4B23-9DFB-4735CDDF050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02551" y="2500516"/>
            <a:ext cx="5677099" cy="132252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D9640878-FB5A-4DC3-94E2-6A18D6D14B1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222047" y="4801226"/>
            <a:ext cx="6969953" cy="12404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371435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C09B113-E89D-47B1-B748-FBF93A3D1C0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Съдържание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C239661-EE0E-4898-95CC-E9B3725F000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Какво представлява </a:t>
            </a:r>
            <a:r>
              <a:rPr lang="en-US" dirty="0"/>
              <a:t>Load Balancer?</a:t>
            </a:r>
          </a:p>
          <a:p>
            <a:r>
              <a:rPr lang="bg-BG" dirty="0"/>
              <a:t>Проблем и предложение.</a:t>
            </a:r>
          </a:p>
          <a:p>
            <a:r>
              <a:rPr lang="bg-BG" dirty="0"/>
              <a:t>Какво представлява приложение </a:t>
            </a:r>
            <a:r>
              <a:rPr lang="en-US" dirty="0"/>
              <a:t>go-</a:t>
            </a:r>
            <a:r>
              <a:rPr lang="en-US" dirty="0" err="1"/>
              <a:t>lb</a:t>
            </a:r>
            <a:r>
              <a:rPr lang="en-US" dirty="0"/>
              <a:t>?</a:t>
            </a:r>
            <a:endParaRPr lang="bg-BG" dirty="0"/>
          </a:p>
          <a:p>
            <a:r>
              <a:rPr lang="bg-BG" dirty="0"/>
              <a:t>Използвани технологии</a:t>
            </a:r>
          </a:p>
          <a:p>
            <a:r>
              <a:rPr lang="bg-BG" dirty="0"/>
              <a:t>Демо</a:t>
            </a:r>
          </a:p>
          <a:p>
            <a:r>
              <a:rPr lang="bg-BG" dirty="0"/>
              <a:t>Въпроси</a:t>
            </a:r>
          </a:p>
        </p:txBody>
      </p:sp>
      <p:pic>
        <p:nvPicPr>
          <p:cNvPr id="2050" name="Picture 2" descr="Configuring ASP.NET Core Behind a Load Balancer - CodeOpinion">
            <a:extLst>
              <a:ext uri="{FF2B5EF4-FFF2-40B4-BE49-F238E27FC236}">
                <a16:creationId xmlns:a16="http://schemas.microsoft.com/office/drawing/2014/main" id="{1563A2BD-F98E-4B99-A047-0231ACE012E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87567" y="-112675"/>
            <a:ext cx="4311620" cy="43116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14984816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D218C3-3C8B-4234-8BEC-C6BA5778147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Демо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B06FD04-AA22-451F-A709-18637D827D6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Регистриране на нов хост и проверка за </a:t>
            </a:r>
            <a:r>
              <a:rPr lang="bg-BG" dirty="0" err="1"/>
              <a:t>консистентност</a:t>
            </a:r>
            <a:r>
              <a:rPr lang="bg-BG" dirty="0"/>
              <a:t> на заявката спрямо </a:t>
            </a:r>
            <a:r>
              <a:rPr lang="bg-BG" dirty="0" err="1"/>
              <a:t>сесиния</a:t>
            </a:r>
            <a:r>
              <a:rPr lang="bg-BG" dirty="0"/>
              <a:t> </a:t>
            </a:r>
            <a:r>
              <a:rPr lang="bg-BG" dirty="0" err="1"/>
              <a:t>токен</a:t>
            </a:r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6A7A51E-A4A3-49B6-9DF8-03902297C78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11749" y="2793479"/>
            <a:ext cx="6293903" cy="99400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8C56376B-F721-4232-98B6-EF150D6F70B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11749" y="3927584"/>
            <a:ext cx="6287036" cy="96268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9B68BA8C-C79B-4446-A81E-4FF87C6CF02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73019" y="2793479"/>
            <a:ext cx="5333395" cy="32840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3337946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BCF5F97-14EE-46FD-ADDC-7678141F36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Демо</a:t>
            </a:r>
            <a:endParaRPr lang="en-US" dirty="0"/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3E99BA4D-225F-4897-B5A3-E9A8D410684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457810" y="2835175"/>
            <a:ext cx="6022779" cy="3212908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7DDD36C5-C81E-4782-92C7-CA10B1A52494}"/>
              </a:ext>
            </a:extLst>
          </p:cNvPr>
          <p:cNvSpPr txBox="1"/>
          <p:nvPr/>
        </p:nvSpPr>
        <p:spPr>
          <a:xfrm>
            <a:off x="632534" y="1601451"/>
            <a:ext cx="8384958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bg-BG" dirty="0"/>
              <a:t>Регистриране на нов хост и проверка за </a:t>
            </a:r>
            <a:r>
              <a:rPr lang="bg-BG" dirty="0" err="1"/>
              <a:t>консистентност</a:t>
            </a:r>
            <a:r>
              <a:rPr lang="bg-BG" dirty="0"/>
              <a:t> на заявката спрямо </a:t>
            </a:r>
            <a:r>
              <a:rPr lang="bg-BG" dirty="0" err="1"/>
              <a:t>сесиния</a:t>
            </a:r>
            <a:r>
              <a:rPr lang="bg-BG" dirty="0"/>
              <a:t> </a:t>
            </a:r>
            <a:r>
              <a:rPr lang="bg-BG" dirty="0" err="1"/>
              <a:t>токен</a:t>
            </a:r>
            <a:endParaRPr lang="bg-BG" dirty="0"/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bg-BG" dirty="0"/>
              <a:t>Както се вижда, използвало е същия хост, въпреки добавянето на нов с 3 но повече капацитет за връзки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3971982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09779F-0334-42A7-B5DE-846CCD8DE0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Въпроси““???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578108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A516079-5039-445B-8F9D-08139030A33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Какво представлява </a:t>
            </a:r>
            <a:r>
              <a:rPr lang="en-US" dirty="0"/>
              <a:t>Load Balancer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9894782-8838-434A-B271-D7F407320B0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Е</a:t>
            </a:r>
            <a:r>
              <a:rPr lang="ru-RU" dirty="0" err="1"/>
              <a:t>фективното</a:t>
            </a:r>
            <a:r>
              <a:rPr lang="ru-RU" dirty="0"/>
              <a:t> </a:t>
            </a:r>
            <a:r>
              <a:rPr lang="ru-RU" dirty="0" err="1"/>
              <a:t>разпределение</a:t>
            </a:r>
            <a:r>
              <a:rPr lang="ru-RU" dirty="0"/>
              <a:t> на </a:t>
            </a:r>
            <a:r>
              <a:rPr lang="ru-RU" dirty="0" err="1"/>
              <a:t>входящия</a:t>
            </a:r>
            <a:r>
              <a:rPr lang="ru-RU" dirty="0"/>
              <a:t> </a:t>
            </a:r>
            <a:r>
              <a:rPr lang="ru-RU" dirty="0" err="1"/>
              <a:t>мрежов</a:t>
            </a:r>
            <a:r>
              <a:rPr lang="ru-RU" dirty="0"/>
              <a:t> трафик в </a:t>
            </a:r>
            <a:r>
              <a:rPr lang="ru-RU" dirty="0" err="1"/>
              <a:t>група</a:t>
            </a:r>
            <a:r>
              <a:rPr lang="ru-RU" dirty="0"/>
              <a:t> от </a:t>
            </a:r>
            <a:r>
              <a:rPr lang="ru-RU" dirty="0" err="1"/>
              <a:t>бекенд</a:t>
            </a:r>
            <a:r>
              <a:rPr lang="ru-RU" dirty="0"/>
              <a:t> </a:t>
            </a:r>
            <a:r>
              <a:rPr lang="ru-RU" dirty="0" err="1"/>
              <a:t>сървъри</a:t>
            </a:r>
            <a:endParaRPr lang="en-US" dirty="0"/>
          </a:p>
          <a:p>
            <a:pPr lvl="1"/>
            <a:r>
              <a:rPr lang="ru-RU" dirty="0" err="1"/>
              <a:t>сървърна</a:t>
            </a:r>
            <a:r>
              <a:rPr lang="ru-RU" dirty="0"/>
              <a:t> ферма или </a:t>
            </a:r>
            <a:r>
              <a:rPr lang="ru-RU" dirty="0" err="1"/>
              <a:t>сървърен</a:t>
            </a:r>
            <a:r>
              <a:rPr lang="ru-RU" dirty="0"/>
              <a:t> пул</a:t>
            </a:r>
          </a:p>
          <a:p>
            <a:r>
              <a:rPr lang="bg-BG" dirty="0"/>
              <a:t>действа като „пътен полицай“	</a:t>
            </a:r>
            <a:endParaRPr lang="en-US" dirty="0"/>
          </a:p>
          <a:p>
            <a:pPr lvl="1"/>
            <a:r>
              <a:rPr lang="ru-RU" dirty="0" err="1"/>
              <a:t>маршрутизира</a:t>
            </a:r>
            <a:r>
              <a:rPr lang="ru-RU" dirty="0"/>
              <a:t> </a:t>
            </a:r>
            <a:r>
              <a:rPr lang="ru-RU" dirty="0" err="1"/>
              <a:t>клиентските</a:t>
            </a:r>
            <a:r>
              <a:rPr lang="ru-RU" dirty="0"/>
              <a:t> заявки</a:t>
            </a:r>
          </a:p>
          <a:p>
            <a:pPr lvl="1"/>
            <a:r>
              <a:rPr lang="ru-RU" dirty="0" err="1"/>
              <a:t>максимизира</a:t>
            </a:r>
            <a:r>
              <a:rPr lang="ru-RU" dirty="0"/>
              <a:t> </a:t>
            </a:r>
            <a:r>
              <a:rPr lang="ru-RU" dirty="0" err="1"/>
              <a:t>скоростта</a:t>
            </a:r>
            <a:r>
              <a:rPr lang="ru-RU" dirty="0"/>
              <a:t> за </a:t>
            </a:r>
            <a:r>
              <a:rPr lang="ru-RU" dirty="0" err="1"/>
              <a:t>изпълнение</a:t>
            </a:r>
            <a:endParaRPr lang="ru-RU" dirty="0"/>
          </a:p>
          <a:p>
            <a:pPr lvl="1"/>
            <a:r>
              <a:rPr lang="ru-RU" dirty="0" err="1"/>
              <a:t>гарантира</a:t>
            </a:r>
            <a:r>
              <a:rPr lang="ru-RU" dirty="0"/>
              <a:t>, че </a:t>
            </a:r>
            <a:r>
              <a:rPr lang="ru-RU" dirty="0" err="1"/>
              <a:t>сървъра</a:t>
            </a:r>
            <a:r>
              <a:rPr lang="ru-RU" dirty="0"/>
              <a:t> </a:t>
            </a:r>
            <a:r>
              <a:rPr lang="ru-RU" dirty="0" err="1"/>
              <a:t>обработващ</a:t>
            </a:r>
            <a:r>
              <a:rPr lang="ru-RU" dirty="0"/>
              <a:t> </a:t>
            </a:r>
            <a:r>
              <a:rPr lang="ru-RU" dirty="0" err="1"/>
              <a:t>заявката</a:t>
            </a:r>
            <a:r>
              <a:rPr lang="ru-RU" dirty="0"/>
              <a:t> не е </a:t>
            </a:r>
            <a:r>
              <a:rPr lang="ru-RU" dirty="0" err="1"/>
              <a:t>претоварен</a:t>
            </a:r>
            <a:endParaRPr lang="ru-RU" dirty="0"/>
          </a:p>
          <a:p>
            <a:pPr lvl="1"/>
            <a:r>
              <a:rPr lang="ru-RU" dirty="0" err="1"/>
              <a:t>ако</a:t>
            </a:r>
            <a:r>
              <a:rPr lang="ru-RU" dirty="0"/>
              <a:t> </a:t>
            </a:r>
            <a:r>
              <a:rPr lang="ru-RU" dirty="0" err="1"/>
              <a:t>сървъра</a:t>
            </a:r>
            <a:r>
              <a:rPr lang="ru-RU" dirty="0"/>
              <a:t> се повреди, трафика се </a:t>
            </a:r>
            <a:r>
              <a:rPr lang="ru-RU" dirty="0" err="1"/>
              <a:t>пренасочва</a:t>
            </a:r>
            <a:r>
              <a:rPr lang="ru-RU" dirty="0"/>
              <a:t> </a:t>
            </a:r>
            <a:r>
              <a:rPr lang="ru-RU" dirty="0" err="1"/>
              <a:t>към</a:t>
            </a:r>
            <a:r>
              <a:rPr lang="ru-RU" dirty="0"/>
              <a:t> </a:t>
            </a:r>
            <a:r>
              <a:rPr lang="ru-RU" dirty="0" err="1"/>
              <a:t>работещ</a:t>
            </a:r>
            <a:endParaRPr lang="ru-RU" dirty="0"/>
          </a:p>
          <a:p>
            <a:pPr lvl="1"/>
            <a:r>
              <a:rPr lang="ru-RU" dirty="0" err="1"/>
              <a:t>когато</a:t>
            </a:r>
            <a:r>
              <a:rPr lang="ru-RU" dirty="0"/>
              <a:t> се </a:t>
            </a:r>
            <a:r>
              <a:rPr lang="ru-RU" dirty="0" err="1"/>
              <a:t>добави</a:t>
            </a:r>
            <a:r>
              <a:rPr lang="ru-RU" dirty="0"/>
              <a:t> нов трафика автоматично почва да се </a:t>
            </a:r>
            <a:r>
              <a:rPr lang="ru-RU" dirty="0" err="1"/>
              <a:t>подава</a:t>
            </a:r>
            <a:r>
              <a:rPr lang="ru-RU" dirty="0"/>
              <a:t> и </a:t>
            </a:r>
            <a:r>
              <a:rPr lang="ru-RU" dirty="0" err="1"/>
              <a:t>към</a:t>
            </a:r>
            <a:r>
              <a:rPr lang="ru-RU" dirty="0"/>
              <a:t> него</a:t>
            </a:r>
          </a:p>
        </p:txBody>
      </p:sp>
    </p:spTree>
    <p:extLst>
      <p:ext uri="{BB962C8B-B14F-4D97-AF65-F5344CB8AC3E}">
        <p14:creationId xmlns:p14="http://schemas.microsoft.com/office/powerpoint/2010/main" val="377662587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591681-3B11-4F69-88FB-56529BD506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Какво представлява </a:t>
            </a:r>
            <a:r>
              <a:rPr lang="en-US" dirty="0"/>
              <a:t>Load Balancer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ACF13AC-4A3F-490D-9939-EAC8C174AA4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5675275" cy="4351338"/>
          </a:xfrm>
        </p:spPr>
        <p:txBody>
          <a:bodyPr/>
          <a:lstStyle/>
          <a:p>
            <a:r>
              <a:rPr lang="bg-BG" dirty="0"/>
              <a:t>Обобщение</a:t>
            </a:r>
          </a:p>
          <a:p>
            <a:pPr lvl="1"/>
            <a:r>
              <a:rPr lang="ru-RU" dirty="0" err="1"/>
              <a:t>Разпределя</a:t>
            </a:r>
            <a:r>
              <a:rPr lang="ru-RU" dirty="0"/>
              <a:t> </a:t>
            </a:r>
            <a:r>
              <a:rPr lang="ru-RU" dirty="0" err="1"/>
              <a:t>клиентските</a:t>
            </a:r>
            <a:r>
              <a:rPr lang="ru-RU" dirty="0"/>
              <a:t> заявки или </a:t>
            </a:r>
            <a:r>
              <a:rPr lang="ru-RU" dirty="0" err="1"/>
              <a:t>мрежовото</a:t>
            </a:r>
            <a:r>
              <a:rPr lang="ru-RU" dirty="0"/>
              <a:t> </a:t>
            </a:r>
            <a:r>
              <a:rPr lang="ru-RU" dirty="0" err="1"/>
              <a:t>натоварване</a:t>
            </a:r>
            <a:r>
              <a:rPr lang="ru-RU" dirty="0"/>
              <a:t> </a:t>
            </a:r>
            <a:r>
              <a:rPr lang="ru-RU" dirty="0" err="1"/>
              <a:t>ефективно</a:t>
            </a:r>
            <a:r>
              <a:rPr lang="ru-RU" dirty="0"/>
              <a:t> между множество </a:t>
            </a:r>
            <a:r>
              <a:rPr lang="ru-RU" dirty="0" err="1"/>
              <a:t>сървъри</a:t>
            </a:r>
            <a:endParaRPr lang="bg-BG" dirty="0"/>
          </a:p>
          <a:p>
            <a:pPr lvl="1"/>
            <a:r>
              <a:rPr lang="ru-RU" dirty="0" err="1"/>
              <a:t>Гарантира</a:t>
            </a:r>
            <a:r>
              <a:rPr lang="ru-RU" dirty="0"/>
              <a:t> </a:t>
            </a:r>
            <a:r>
              <a:rPr lang="ru-RU" dirty="0" err="1"/>
              <a:t>висока</a:t>
            </a:r>
            <a:r>
              <a:rPr lang="ru-RU" dirty="0"/>
              <a:t> </a:t>
            </a:r>
            <a:r>
              <a:rPr lang="ru-RU" dirty="0" err="1"/>
              <a:t>наличност</a:t>
            </a:r>
            <a:r>
              <a:rPr lang="ru-RU" dirty="0"/>
              <a:t> и </a:t>
            </a:r>
            <a:r>
              <a:rPr lang="ru-RU" dirty="0" err="1"/>
              <a:t>надеждност</a:t>
            </a:r>
            <a:r>
              <a:rPr lang="ru-RU" dirty="0"/>
              <a:t> чрез </a:t>
            </a:r>
            <a:r>
              <a:rPr lang="ru-RU" dirty="0" err="1"/>
              <a:t>изпращане</a:t>
            </a:r>
            <a:r>
              <a:rPr lang="ru-RU" dirty="0"/>
              <a:t> на заявки само до </a:t>
            </a:r>
            <a:r>
              <a:rPr lang="ru-RU" dirty="0" err="1"/>
              <a:t>сървъри</a:t>
            </a:r>
            <a:r>
              <a:rPr lang="ru-RU" dirty="0"/>
              <a:t>, </a:t>
            </a:r>
            <a:r>
              <a:rPr lang="ru-RU" dirty="0" err="1"/>
              <a:t>които</a:t>
            </a:r>
            <a:r>
              <a:rPr lang="ru-RU" dirty="0"/>
              <a:t> </a:t>
            </a:r>
            <a:r>
              <a:rPr lang="ru-RU" dirty="0" err="1"/>
              <a:t>са</a:t>
            </a:r>
            <a:r>
              <a:rPr lang="ru-RU" dirty="0"/>
              <a:t> онлайн</a:t>
            </a:r>
            <a:endParaRPr lang="bg-BG" dirty="0"/>
          </a:p>
          <a:p>
            <a:pPr lvl="1"/>
            <a:r>
              <a:rPr lang="ru-RU" dirty="0" err="1"/>
              <a:t>Осигурява</a:t>
            </a:r>
            <a:r>
              <a:rPr lang="ru-RU" dirty="0"/>
              <a:t> </a:t>
            </a:r>
            <a:r>
              <a:rPr lang="ru-RU" dirty="0" err="1"/>
              <a:t>гъвкавост</a:t>
            </a:r>
            <a:r>
              <a:rPr lang="ru-RU" dirty="0"/>
              <a:t> за </a:t>
            </a:r>
            <a:r>
              <a:rPr lang="ru-RU" dirty="0" err="1"/>
              <a:t>добавяне</a:t>
            </a:r>
            <a:r>
              <a:rPr lang="ru-RU" dirty="0"/>
              <a:t> или </a:t>
            </a:r>
            <a:r>
              <a:rPr lang="ru-RU" dirty="0" err="1"/>
              <a:t>изваждане</a:t>
            </a:r>
            <a:r>
              <a:rPr lang="ru-RU" dirty="0"/>
              <a:t> на </a:t>
            </a:r>
            <a:r>
              <a:rPr lang="ru-RU" dirty="0" err="1"/>
              <a:t>сървъри</a:t>
            </a:r>
            <a:r>
              <a:rPr lang="ru-RU" dirty="0"/>
              <a:t> </a:t>
            </a:r>
            <a:r>
              <a:rPr lang="ru-RU" dirty="0" err="1"/>
              <a:t>според</a:t>
            </a:r>
            <a:r>
              <a:rPr lang="ru-RU" dirty="0"/>
              <a:t> </a:t>
            </a:r>
            <a:r>
              <a:rPr lang="ru-RU" dirty="0" err="1"/>
              <a:t>търсенето</a:t>
            </a:r>
            <a:endParaRPr lang="en-US" dirty="0"/>
          </a:p>
        </p:txBody>
      </p:sp>
      <p:pic>
        <p:nvPicPr>
          <p:cNvPr id="1026" name="Picture 2" descr="load balancing diagram">
            <a:extLst>
              <a:ext uri="{FF2B5EF4-FFF2-40B4-BE49-F238E27FC236}">
                <a16:creationId xmlns:a16="http://schemas.microsoft.com/office/drawing/2014/main" id="{463AAB43-9831-4210-9873-0C76FF93B4E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52814" y="2591477"/>
            <a:ext cx="4557683" cy="230554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3760745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99E1B4-26DE-4CD9-9892-94D102C5047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Проблем и предложение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FDA861F-D805-43ED-A885-5A242FAE601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lnSpcReduction="10000"/>
          </a:bodyPr>
          <a:lstStyle/>
          <a:p>
            <a:r>
              <a:rPr lang="bg-BG" dirty="0"/>
              <a:t>Проблем</a:t>
            </a:r>
          </a:p>
          <a:p>
            <a:pPr lvl="1"/>
            <a:r>
              <a:rPr lang="bg-BG" dirty="0"/>
              <a:t>Поява на нови технологии (</a:t>
            </a:r>
            <a:r>
              <a:rPr lang="en-US" dirty="0"/>
              <a:t>Kubernetes, Docker Swarm </a:t>
            </a:r>
            <a:r>
              <a:rPr lang="bg-BG" dirty="0"/>
              <a:t>и т.н.).</a:t>
            </a:r>
          </a:p>
          <a:p>
            <a:pPr lvl="1"/>
            <a:r>
              <a:rPr lang="bg-BG" dirty="0"/>
              <a:t>Мигрирането на услугите към новите технологии.</a:t>
            </a:r>
          </a:p>
          <a:p>
            <a:pPr lvl="1"/>
            <a:r>
              <a:rPr lang="bg-BG" dirty="0"/>
              <a:t>Какво става, когато системата е достатъчно голям, за да е изгодно мигрирането им към новите технологии?</a:t>
            </a:r>
          </a:p>
          <a:p>
            <a:pPr lvl="1"/>
            <a:r>
              <a:rPr lang="bg-BG" dirty="0"/>
              <a:t>Как може да изолираме трафика?</a:t>
            </a:r>
          </a:p>
          <a:p>
            <a:pPr lvl="1"/>
            <a:r>
              <a:rPr lang="bg-BG" dirty="0"/>
              <a:t>Как може да осигурим достъпа до услуги с различаващи се среди на опериране?</a:t>
            </a:r>
          </a:p>
          <a:p>
            <a:pPr lvl="1"/>
            <a:r>
              <a:rPr lang="bg-BG" dirty="0"/>
              <a:t>Колко голям трафик ще трябва да обработим?</a:t>
            </a:r>
          </a:p>
          <a:p>
            <a:pPr lvl="1"/>
            <a:r>
              <a:rPr lang="bg-BG" dirty="0"/>
              <a:t>Как да разпределим натоварването?</a:t>
            </a:r>
          </a:p>
          <a:p>
            <a:pPr lvl="1"/>
            <a:r>
              <a:rPr lang="bg-BG" dirty="0"/>
              <a:t>Как да синхронизираме инстанциите, ако имаме много инстанции на </a:t>
            </a:r>
            <a:r>
              <a:rPr lang="en-US" dirty="0"/>
              <a:t>Load Balancer-</a:t>
            </a:r>
            <a:r>
              <a:rPr lang="bg-BG" dirty="0"/>
              <a:t>а?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2467159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392EBF-8774-4533-9D4E-0A40DD0E98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Проблем и предложение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0B2853C-EFBB-40EC-A3DB-002F0157BFE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Предложение</a:t>
            </a:r>
          </a:p>
          <a:p>
            <a:pPr lvl="1"/>
            <a:r>
              <a:rPr lang="bg-BG" dirty="0"/>
              <a:t>Заради появата на нови среди, трябва да можем да предоставим универсална услуга, която е </a:t>
            </a:r>
            <a:r>
              <a:rPr lang="bg-BG" dirty="0" err="1"/>
              <a:t>ангностична</a:t>
            </a:r>
            <a:r>
              <a:rPr lang="bg-BG" dirty="0"/>
              <a:t> към средата към която ще работи</a:t>
            </a:r>
          </a:p>
          <a:p>
            <a:pPr lvl="2"/>
            <a:r>
              <a:rPr lang="bg-BG" dirty="0"/>
              <a:t>Така ще решим проблема с </a:t>
            </a:r>
            <a:r>
              <a:rPr lang="bg-BG" dirty="0" err="1"/>
              <a:t>нехомогенността</a:t>
            </a:r>
            <a:r>
              <a:rPr lang="bg-BG" dirty="0"/>
              <a:t> на средата на която приложението работи</a:t>
            </a:r>
          </a:p>
          <a:p>
            <a:pPr lvl="1"/>
            <a:r>
              <a:rPr lang="bg-BG" dirty="0"/>
              <a:t>Миграцията към новите технологии няма да е проблем, стига да имаме сигурна мрежа към услугите, които са поставени на нея.</a:t>
            </a:r>
          </a:p>
          <a:p>
            <a:pPr lvl="1"/>
            <a:r>
              <a:rPr lang="bg-BG" dirty="0"/>
              <a:t>Имплементиране на </a:t>
            </a:r>
            <a:r>
              <a:rPr lang="en-US" dirty="0"/>
              <a:t>Load Balancer</a:t>
            </a:r>
            <a:r>
              <a:rPr lang="bg-BG" dirty="0"/>
              <a:t>, на база на микроуслуги със синхронизация между отделните инстанции посредством</a:t>
            </a:r>
            <a:r>
              <a:rPr lang="en-US" dirty="0"/>
              <a:t> `event-driven design`, </a:t>
            </a:r>
            <a:r>
              <a:rPr lang="bg-BG" dirty="0"/>
              <a:t>както и споделен кеш, заедно с централен сървър за споделяне и промяна на конфигурации.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1395542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B6206F-93F7-45C1-98A4-D7A12C2CD3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Какво представлява приложението </a:t>
            </a:r>
            <a:r>
              <a:rPr lang="en-US" dirty="0"/>
              <a:t>go-</a:t>
            </a:r>
            <a:r>
              <a:rPr lang="en-US" dirty="0" err="1"/>
              <a:t>lb</a:t>
            </a:r>
            <a:r>
              <a:rPr lang="en-US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8C62FE8-6B85-4D48-81FB-F5320D6ACDE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Имплементация на най-новите шаблони за програмиране</a:t>
            </a:r>
          </a:p>
          <a:p>
            <a:r>
              <a:rPr lang="en-US" dirty="0"/>
              <a:t>Microservice </a:t>
            </a:r>
            <a:r>
              <a:rPr lang="bg-BG" dirty="0"/>
              <a:t>ориентирано</a:t>
            </a:r>
          </a:p>
          <a:p>
            <a:r>
              <a:rPr lang="bg-BG" dirty="0"/>
              <a:t>Базирано на комуникация </a:t>
            </a:r>
            <a:r>
              <a:rPr lang="bg-BG" dirty="0" err="1"/>
              <a:t>посредство</a:t>
            </a:r>
            <a:r>
              <a:rPr lang="bg-BG" dirty="0"/>
              <a:t> </a:t>
            </a:r>
            <a:r>
              <a:rPr lang="en-US" dirty="0"/>
              <a:t>Rest API</a:t>
            </a:r>
            <a:r>
              <a:rPr lang="bg-BG" dirty="0"/>
              <a:t> и </a:t>
            </a:r>
            <a:r>
              <a:rPr lang="en-US" dirty="0"/>
              <a:t>Event</a:t>
            </a:r>
            <a:r>
              <a:rPr lang="bg-BG" dirty="0"/>
              <a:t>-и</a:t>
            </a:r>
            <a:r>
              <a:rPr lang="en-US" dirty="0"/>
              <a:t> “</a:t>
            </a:r>
            <a:r>
              <a:rPr lang="bg-BG" dirty="0"/>
              <a:t>събития“</a:t>
            </a:r>
          </a:p>
          <a:p>
            <a:r>
              <a:rPr lang="bg-BG" dirty="0"/>
              <a:t>Централен </a:t>
            </a:r>
            <a:r>
              <a:rPr lang="bg-BG" dirty="0" err="1"/>
              <a:t>сървиз</a:t>
            </a:r>
            <a:r>
              <a:rPr lang="bg-BG" dirty="0"/>
              <a:t>, държащ основната конфигурация и отговарящ за добавяне и промяна на новопостъпили хост-</a:t>
            </a:r>
            <a:r>
              <a:rPr lang="bg-BG" dirty="0" err="1"/>
              <a:t>ове</a:t>
            </a:r>
            <a:endParaRPr lang="bg-BG" dirty="0"/>
          </a:p>
          <a:p>
            <a:pPr lvl="1"/>
            <a:r>
              <a:rPr lang="bg-BG" dirty="0"/>
              <a:t>Добавянето и промяната става посредством </a:t>
            </a:r>
            <a:r>
              <a:rPr lang="en-US" dirty="0"/>
              <a:t>Rest API</a:t>
            </a:r>
          </a:p>
          <a:p>
            <a:pPr lvl="1"/>
            <a:r>
              <a:rPr lang="bg-BG" dirty="0"/>
              <a:t>Синхронизирането става чрез пращането на </a:t>
            </a:r>
            <a:r>
              <a:rPr lang="en-US" dirty="0"/>
              <a:t>event</a:t>
            </a:r>
            <a:r>
              <a:rPr lang="bg-BG" dirty="0"/>
              <a:t>-и между „главната“ услуга и инстанциите за </a:t>
            </a:r>
            <a:r>
              <a:rPr lang="en-US" dirty="0"/>
              <a:t>Load Balancing</a:t>
            </a:r>
          </a:p>
          <a:p>
            <a:pPr lvl="2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52651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86A99A-72AD-4FF8-BE0F-29B4A1B97F0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Какво представлява приложението </a:t>
            </a:r>
            <a:r>
              <a:rPr lang="en-US" dirty="0"/>
              <a:t>go-</a:t>
            </a:r>
            <a:r>
              <a:rPr lang="en-US" dirty="0" err="1"/>
              <a:t>lb</a:t>
            </a:r>
            <a:r>
              <a:rPr lang="en-US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3EE7B44-043B-4D8F-A1F9-93E3B46CA61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bg-BG" dirty="0"/>
              <a:t>Инстанция</a:t>
            </a:r>
          </a:p>
          <a:p>
            <a:pPr lvl="1"/>
            <a:r>
              <a:rPr lang="bg-BG" dirty="0"/>
              <a:t>При стартирането взима началната конфигурация и хостовете налични на главния сървър в конкретния момент на заявката</a:t>
            </a:r>
          </a:p>
          <a:p>
            <a:pPr lvl="1"/>
            <a:r>
              <a:rPr lang="bg-BG" dirty="0"/>
              <a:t>Имплементира различни стратегии, базирани на алгоритмите, който поддържа</a:t>
            </a:r>
          </a:p>
          <a:p>
            <a:pPr lvl="1"/>
            <a:r>
              <a:rPr lang="bg-BG" dirty="0"/>
              <a:t>Имплементира стратегии за обработка на различните видове </a:t>
            </a:r>
            <a:r>
              <a:rPr lang="en-US" dirty="0"/>
              <a:t>event</a:t>
            </a:r>
            <a:r>
              <a:rPr lang="bg-BG" dirty="0"/>
              <a:t>-и „събития“</a:t>
            </a:r>
          </a:p>
          <a:p>
            <a:pPr lvl="2"/>
            <a:r>
              <a:rPr lang="bg-BG" dirty="0"/>
              <a:t>Евентуална </a:t>
            </a:r>
            <a:r>
              <a:rPr lang="bg-BG" dirty="0" err="1"/>
              <a:t>консистентност</a:t>
            </a:r>
            <a:r>
              <a:rPr lang="bg-BG" dirty="0"/>
              <a:t> („Евентуалната </a:t>
            </a:r>
            <a:r>
              <a:rPr lang="bg-BG" dirty="0" err="1"/>
              <a:t>консистентност</a:t>
            </a:r>
            <a:r>
              <a:rPr lang="bg-BG" dirty="0"/>
              <a:t>“ и „</a:t>
            </a:r>
            <a:r>
              <a:rPr lang="bg-BG" dirty="0" err="1"/>
              <a:t>консистеността</a:t>
            </a:r>
            <a:r>
              <a:rPr lang="bg-BG" dirty="0"/>
              <a:t>“ са две различни понятия)</a:t>
            </a:r>
          </a:p>
          <a:p>
            <a:pPr lvl="1"/>
            <a:r>
              <a:rPr lang="bg-BG" dirty="0"/>
              <a:t>Запазва сесиите в споделена кеш памет</a:t>
            </a:r>
          </a:p>
          <a:p>
            <a:pPr lvl="2"/>
            <a:r>
              <a:rPr lang="bg-BG" dirty="0"/>
              <a:t>Целта е споделения статус на системата, с цел </a:t>
            </a:r>
            <a:r>
              <a:rPr lang="bg-BG" dirty="0" err="1"/>
              <a:t>идемпотентно</a:t>
            </a:r>
            <a:r>
              <a:rPr lang="bg-BG" dirty="0"/>
              <a:t> обработване на заявките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6645443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49AF5B7-6349-41BA-8854-FAC5F9BC92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bg-BG" dirty="0"/>
              <a:t>Използвани технологии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BD3EFA9-3CBD-482E-B3F8-4BFF1A0196A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dis</a:t>
            </a:r>
          </a:p>
          <a:p>
            <a:pPr lvl="1"/>
            <a:r>
              <a:rPr lang="bg-BG" dirty="0"/>
              <a:t>Запазва данните в ключ/стойност полета</a:t>
            </a:r>
          </a:p>
          <a:p>
            <a:pPr lvl="1"/>
            <a:r>
              <a:rPr lang="bg-BG" dirty="0"/>
              <a:t>Поддържа </a:t>
            </a:r>
            <a:r>
              <a:rPr lang="en-US" dirty="0"/>
              <a:t>TTL</a:t>
            </a:r>
            <a:r>
              <a:rPr lang="bg-BG" dirty="0"/>
              <a:t> – време на живот на запазено поле</a:t>
            </a:r>
          </a:p>
          <a:p>
            <a:pPr lvl="1"/>
            <a:r>
              <a:rPr lang="bg-BG" dirty="0"/>
              <a:t>Поддържа структури като:</a:t>
            </a:r>
          </a:p>
          <a:p>
            <a:pPr lvl="2"/>
            <a:r>
              <a:rPr lang="bg-BG" dirty="0"/>
              <a:t>Низове</a:t>
            </a:r>
          </a:p>
          <a:p>
            <a:pPr lvl="2"/>
            <a:r>
              <a:rPr lang="bg-BG" dirty="0"/>
              <a:t>Списъци</a:t>
            </a:r>
          </a:p>
          <a:p>
            <a:pPr lvl="2"/>
            <a:r>
              <a:rPr lang="bg-BG" dirty="0"/>
              <a:t>Асоциативни масиви</a:t>
            </a:r>
          </a:p>
          <a:p>
            <a:pPr lvl="1"/>
            <a:r>
              <a:rPr lang="bg-BG" dirty="0"/>
              <a:t>Най-популярния</a:t>
            </a:r>
            <a:r>
              <a:rPr lang="en-US" dirty="0"/>
              <a:t> </a:t>
            </a:r>
            <a:r>
              <a:rPr lang="bg-BG" dirty="0"/>
              <a:t>кеш склад</a:t>
            </a:r>
          </a:p>
          <a:p>
            <a:pPr lvl="2"/>
            <a:r>
              <a:rPr lang="bg-BG" dirty="0"/>
              <a:t>Най-голяма общност и поддръжка</a:t>
            </a:r>
          </a:p>
          <a:p>
            <a:pPr lvl="2"/>
            <a:r>
              <a:rPr lang="bg-BG" dirty="0"/>
              <a:t>Налични библиотеки за оперирането му в различни езици</a:t>
            </a:r>
            <a:endParaRPr lang="en-US" dirty="0"/>
          </a:p>
          <a:p>
            <a:endParaRPr lang="en-US" dirty="0"/>
          </a:p>
        </p:txBody>
      </p:sp>
      <p:sp>
        <p:nvSpPr>
          <p:cNvPr id="8" name="AutoShape 10" descr="upload.wikimedia.org/wikipedia/en/6/6b/Redis_Lo...">
            <a:extLst>
              <a:ext uri="{FF2B5EF4-FFF2-40B4-BE49-F238E27FC236}">
                <a16:creationId xmlns:a16="http://schemas.microsoft.com/office/drawing/2014/main" id="{63C19132-B1E1-45D7-8D5E-E7A4034B2529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pic>
        <p:nvPicPr>
          <p:cNvPr id="3086" name="Picture 14" descr="7 sai lầm thường gặp khi làm việc với Redis. | by Nam Vu | Medium">
            <a:extLst>
              <a:ext uri="{FF2B5EF4-FFF2-40B4-BE49-F238E27FC236}">
                <a16:creationId xmlns:a16="http://schemas.microsoft.com/office/drawing/2014/main" id="{772D7E06-3E82-4716-B22D-FCC1E4AA3B2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74076" y="1690688"/>
            <a:ext cx="2933700" cy="2476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850042465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74</TotalTime>
  <Words>753</Words>
  <Application>Microsoft Office PowerPoint</Application>
  <PresentationFormat>Widescreen</PresentationFormat>
  <Paragraphs>110</Paragraphs>
  <Slides>2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6" baseType="lpstr">
      <vt:lpstr>Arial</vt:lpstr>
      <vt:lpstr>Calibri</vt:lpstr>
      <vt:lpstr>Calibri Light</vt:lpstr>
      <vt:lpstr>Office Theme</vt:lpstr>
      <vt:lpstr>Дистрибутиран Load-Balancer</vt:lpstr>
      <vt:lpstr>Съдържание</vt:lpstr>
      <vt:lpstr>Какво представлява Load Balancer?</vt:lpstr>
      <vt:lpstr>Какво представлява Load Balancer?</vt:lpstr>
      <vt:lpstr>Проблем и предложение</vt:lpstr>
      <vt:lpstr>Проблем и предложение</vt:lpstr>
      <vt:lpstr>Какво представлява приложението go-lb?</vt:lpstr>
      <vt:lpstr>Какво представлява приложението go-lb?</vt:lpstr>
      <vt:lpstr>Използвани технологии</vt:lpstr>
      <vt:lpstr>Използвани технологии </vt:lpstr>
      <vt:lpstr>Използвани технологии</vt:lpstr>
      <vt:lpstr>Демо</vt:lpstr>
      <vt:lpstr>Демо</vt:lpstr>
      <vt:lpstr>Демо</vt:lpstr>
      <vt:lpstr>Демо</vt:lpstr>
      <vt:lpstr>Демо</vt:lpstr>
      <vt:lpstr>Демо</vt:lpstr>
      <vt:lpstr>Демо</vt:lpstr>
      <vt:lpstr>Демо</vt:lpstr>
      <vt:lpstr>Демо</vt:lpstr>
      <vt:lpstr>Демо</vt:lpstr>
      <vt:lpstr>Въпроси““???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Дистрибутиран Load-Balancer</dc:title>
  <cp:lastModifiedBy>Stoyanov, Stoyan</cp:lastModifiedBy>
  <cp:revision>1</cp:revision>
  <dcterms:created xsi:type="dcterms:W3CDTF">2022-11-16T12:15:49Z</dcterms:created>
  <dcterms:modified xsi:type="dcterms:W3CDTF">2023-01-11T04:55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991340002587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